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30\03_青少年サポート課\C2_NPO支援\C25_財政支援\C2502_フリースペース等相談事業費補助金手続・届出関係\02_令和８年度募集案内\01_実施起案・HP掲載\02_施行\HP掲載用\"/>
    </mc:Choice>
  </mc:AlternateContent>
  <xr:revisionPtr revIDLastSave="0" documentId="13_ncr:1_{830C0AC8-97F4-40DF-BFA3-991D25FA34AD}" xr6:coauthVersionLast="47" xr6:coauthVersionMax="47" xr10:uidLastSave="{00000000-0000-0000-0000-000000000000}"/>
  <bookViews>
    <workbookView xWindow="-110" yWindow="-110" windowWidth="19420" windowHeight="10300" tabRatio="791" xr2:uid="{00000000-000D-0000-FFFF-FFFF00000000}"/>
  </bookViews>
  <sheets>
    <sheet name="4月" sheetId="19" r:id="rId1"/>
    <sheet name="５月" sheetId="36" r:id="rId2"/>
    <sheet name="６月" sheetId="37" r:id="rId3"/>
    <sheet name="７月" sheetId="38" r:id="rId4"/>
    <sheet name="８月" sheetId="39" r:id="rId5"/>
    <sheet name="９月" sheetId="40" r:id="rId6"/>
    <sheet name="上半期（自動計算）" sheetId="41" r:id="rId7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5" i="41" l="1"/>
  <c r="B6" i="41"/>
  <c r="B7" i="41"/>
  <c r="B8" i="41"/>
  <c r="B9" i="41"/>
  <c r="E5" i="41"/>
  <c r="E6" i="41"/>
  <c r="E7" i="41"/>
  <c r="H4" i="41"/>
  <c r="H5" i="41"/>
  <c r="E20" i="19"/>
  <c r="B13" i="41" l="1"/>
  <c r="H43" i="40"/>
  <c r="H36" i="40"/>
  <c r="E8" i="40"/>
  <c r="E20" i="40"/>
  <c r="E37" i="40"/>
  <c r="E49" i="40"/>
  <c r="B49" i="40"/>
  <c r="B41" i="40"/>
  <c r="B32" i="40"/>
  <c r="B20" i="40"/>
  <c r="B10" i="40"/>
  <c r="H43" i="39"/>
  <c r="H36" i="39"/>
  <c r="E8" i="39"/>
  <c r="E20" i="39"/>
  <c r="E37" i="39"/>
  <c r="E49" i="39"/>
  <c r="B49" i="39"/>
  <c r="B41" i="39"/>
  <c r="B32" i="39"/>
  <c r="B20" i="39"/>
  <c r="B10" i="39"/>
  <c r="H43" i="38"/>
  <c r="H36" i="38"/>
  <c r="E8" i="38"/>
  <c r="E20" i="38"/>
  <c r="E37" i="38"/>
  <c r="E49" i="38"/>
  <c r="B49" i="38"/>
  <c r="B41" i="38"/>
  <c r="B32" i="38"/>
  <c r="B20" i="38"/>
  <c r="B10" i="38"/>
  <c r="H43" i="37"/>
  <c r="H36" i="37"/>
  <c r="E8" i="37"/>
  <c r="E20" i="37"/>
  <c r="E37" i="37"/>
  <c r="E49" i="37"/>
  <c r="B49" i="37"/>
  <c r="B41" i="37"/>
  <c r="B32" i="37"/>
  <c r="B20" i="37"/>
  <c r="B10" i="37"/>
  <c r="H43" i="36"/>
  <c r="H36" i="36"/>
  <c r="E8" i="36"/>
  <c r="E20" i="36"/>
  <c r="E37" i="36"/>
  <c r="E49" i="36"/>
  <c r="B49" i="36"/>
  <c r="B41" i="36"/>
  <c r="B32" i="36"/>
  <c r="B20" i="36"/>
  <c r="B10" i="36"/>
  <c r="H43" i="19" l="1"/>
  <c r="H36" i="19"/>
  <c r="E8" i="19"/>
  <c r="E37" i="19"/>
  <c r="E49" i="19"/>
  <c r="B49" i="19"/>
  <c r="B41" i="19"/>
  <c r="B32" i="19"/>
  <c r="B20" i="19"/>
  <c r="B10" i="19"/>
  <c r="E1" i="36" l="1"/>
  <c r="A1" i="36"/>
  <c r="H43" i="41"/>
  <c r="H35" i="41"/>
  <c r="H34" i="41"/>
  <c r="H33" i="41"/>
  <c r="H32" i="41"/>
  <c r="H31" i="41"/>
  <c r="H30" i="41"/>
  <c r="H29" i="41"/>
  <c r="H28" i="41"/>
  <c r="H27" i="41"/>
  <c r="H26" i="41"/>
  <c r="H25" i="41"/>
  <c r="H24" i="41"/>
  <c r="H23" i="41"/>
  <c r="H22" i="41"/>
  <c r="H21" i="41"/>
  <c r="H20" i="41"/>
  <c r="H19" i="41"/>
  <c r="H18" i="41"/>
  <c r="H17" i="41"/>
  <c r="H16" i="41"/>
  <c r="H15" i="41"/>
  <c r="H14" i="41"/>
  <c r="H13" i="41"/>
  <c r="H12" i="41"/>
  <c r="H11" i="41"/>
  <c r="H10" i="41"/>
  <c r="H9" i="41"/>
  <c r="E36" i="41"/>
  <c r="E35" i="41"/>
  <c r="E34" i="41"/>
  <c r="E33" i="41"/>
  <c r="E32" i="41"/>
  <c r="E31" i="41"/>
  <c r="E30" i="41"/>
  <c r="E29" i="41"/>
  <c r="E28" i="41"/>
  <c r="E27" i="41"/>
  <c r="E26" i="41"/>
  <c r="E25" i="41"/>
  <c r="E24" i="41"/>
  <c r="E23" i="41"/>
  <c r="E19" i="41"/>
  <c r="E18" i="41"/>
  <c r="E17" i="41"/>
  <c r="E16" i="41"/>
  <c r="E15" i="41"/>
  <c r="E14" i="41"/>
  <c r="E13" i="41"/>
  <c r="E12" i="41"/>
  <c r="E11" i="41"/>
  <c r="E48" i="41"/>
  <c r="E47" i="41"/>
  <c r="E46" i="41"/>
  <c r="E45" i="41"/>
  <c r="B48" i="41"/>
  <c r="B47" i="41"/>
  <c r="B46" i="41"/>
  <c r="B45" i="41"/>
  <c r="B40" i="41"/>
  <c r="B39" i="41"/>
  <c r="B38" i="41"/>
  <c r="B37" i="41"/>
  <c r="B36" i="41"/>
  <c r="B35" i="41"/>
  <c r="B31" i="41"/>
  <c r="B30" i="41"/>
  <c r="B29" i="41"/>
  <c r="B28" i="41"/>
  <c r="B27" i="41"/>
  <c r="B26" i="41"/>
  <c r="B25" i="41"/>
  <c r="B24" i="41"/>
  <c r="B23" i="41"/>
  <c r="B19" i="41"/>
  <c r="B18" i="41"/>
  <c r="B17" i="41"/>
  <c r="B16" i="41"/>
  <c r="B15" i="41"/>
  <c r="B14" i="41"/>
  <c r="E1" i="41"/>
  <c r="A1" i="41"/>
  <c r="E1" i="40"/>
  <c r="A1" i="40"/>
  <c r="E1" i="39"/>
  <c r="A1" i="39"/>
  <c r="E1" i="38"/>
  <c r="A1" i="38"/>
  <c r="E1" i="37"/>
  <c r="A1" i="37"/>
  <c r="E49" i="41" l="1"/>
  <c r="B49" i="41"/>
  <c r="H36" i="41"/>
  <c r="B41" i="41"/>
  <c r="E37" i="41"/>
  <c r="B32" i="41"/>
  <c r="B20" i="41"/>
  <c r="E8" i="41"/>
  <c r="B10" i="41"/>
  <c r="E20" i="41"/>
</calcChain>
</file>

<file path=xl/sharedStrings.xml><?xml version="1.0" encoding="utf-8"?>
<sst xmlns="http://schemas.openxmlformats.org/spreadsheetml/2006/main" count="966" uniqueCount="121">
  <si>
    <t>「青少年センターからの移送件数」以外はすべて「延べ件数」です。</t>
    <rPh sb="1" eb="4">
      <t>セイショウネン</t>
    </rPh>
    <rPh sb="11" eb="13">
      <t>イソウ</t>
    </rPh>
    <rPh sb="13" eb="15">
      <t>ケンスウ</t>
    </rPh>
    <rPh sb="16" eb="18">
      <t>イガイ</t>
    </rPh>
    <rPh sb="23" eb="24">
      <t>ノ</t>
    </rPh>
    <rPh sb="25" eb="27">
      <t>ケンスウ</t>
    </rPh>
    <phoneticPr fontId="2"/>
  </si>
  <si>
    <t>相談種別</t>
    <rPh sb="0" eb="2">
      <t>ソウダン</t>
    </rPh>
    <rPh sb="2" eb="4">
      <t>シュベツ</t>
    </rPh>
    <phoneticPr fontId="2"/>
  </si>
  <si>
    <t>件数</t>
    <phoneticPr fontId="2"/>
  </si>
  <si>
    <t>対象者性別</t>
    <rPh sb="0" eb="3">
      <t>タイショウシャ</t>
    </rPh>
    <rPh sb="3" eb="5">
      <t>セイベツ</t>
    </rPh>
    <phoneticPr fontId="2"/>
  </si>
  <si>
    <t>青少年センターからの移送件数</t>
    <rPh sb="0" eb="3">
      <t>セイショウネン</t>
    </rPh>
    <rPh sb="10" eb="12">
      <t>イソウ</t>
    </rPh>
    <rPh sb="12" eb="14">
      <t>ケンスウ</t>
    </rPh>
    <phoneticPr fontId="2"/>
  </si>
  <si>
    <t>電話</t>
    <rPh sb="0" eb="2">
      <t>デンワ</t>
    </rPh>
    <phoneticPr fontId="2"/>
  </si>
  <si>
    <t>男性</t>
    <rPh sb="0" eb="2">
      <t>ダンセイ</t>
    </rPh>
    <phoneticPr fontId="2"/>
  </si>
  <si>
    <t>面接</t>
    <rPh sb="0" eb="2">
      <t>メンセツ</t>
    </rPh>
    <phoneticPr fontId="2"/>
  </si>
  <si>
    <t>女性</t>
    <rPh sb="0" eb="2">
      <t>ジョセイ</t>
    </rPh>
    <phoneticPr fontId="2"/>
  </si>
  <si>
    <t>メール(HP含む)</t>
    <rPh sb="6" eb="7">
      <t>フク</t>
    </rPh>
    <phoneticPr fontId="2"/>
  </si>
  <si>
    <t>不明</t>
    <rPh sb="0" eb="2">
      <t>フメイ</t>
    </rPh>
    <phoneticPr fontId="2"/>
  </si>
  <si>
    <t>訪問・同行等</t>
    <rPh sb="0" eb="2">
      <t>ホウモン</t>
    </rPh>
    <rPh sb="3" eb="5">
      <t>ドウコウ</t>
    </rPh>
    <rPh sb="5" eb="6">
      <t>ナド</t>
    </rPh>
    <phoneticPr fontId="2"/>
  </si>
  <si>
    <t>計</t>
    <rPh sb="0" eb="1">
      <t>ケイ</t>
    </rPh>
    <phoneticPr fontId="2"/>
  </si>
  <si>
    <t>手紙その他</t>
    <rPh sb="0" eb="2">
      <t>テガミ</t>
    </rPh>
    <rPh sb="4" eb="5">
      <t>タ</t>
    </rPh>
    <phoneticPr fontId="2"/>
  </si>
  <si>
    <t>相談対象者学職</t>
    <rPh sb="0" eb="2">
      <t>ソウダン</t>
    </rPh>
    <rPh sb="2" eb="5">
      <t>タイショウシャ</t>
    </rPh>
    <rPh sb="5" eb="6">
      <t>ガク</t>
    </rPh>
    <rPh sb="6" eb="7">
      <t>ショク</t>
    </rPh>
    <phoneticPr fontId="9"/>
  </si>
  <si>
    <t>未就学児</t>
    <rPh sb="0" eb="4">
      <t>ミシュウガクジ</t>
    </rPh>
    <phoneticPr fontId="9"/>
  </si>
  <si>
    <t>相談者続柄</t>
    <rPh sb="0" eb="3">
      <t>ソウダンシャ</t>
    </rPh>
    <rPh sb="3" eb="4">
      <t>ツヅ</t>
    </rPh>
    <rPh sb="4" eb="5">
      <t>ガラ</t>
    </rPh>
    <phoneticPr fontId="9"/>
  </si>
  <si>
    <t>小学生</t>
    <rPh sb="0" eb="3">
      <t>ショウガクセイ</t>
    </rPh>
    <phoneticPr fontId="9"/>
  </si>
  <si>
    <t>本人</t>
    <rPh sb="0" eb="2">
      <t>ホンニン</t>
    </rPh>
    <phoneticPr fontId="9"/>
  </si>
  <si>
    <t>中学生</t>
    <rPh sb="0" eb="3">
      <t>チュウガクセイ</t>
    </rPh>
    <phoneticPr fontId="9"/>
  </si>
  <si>
    <t>父</t>
    <rPh sb="0" eb="1">
      <t>チチ</t>
    </rPh>
    <phoneticPr fontId="9"/>
  </si>
  <si>
    <t>高校生</t>
    <rPh sb="0" eb="3">
      <t>コウコウセイ</t>
    </rPh>
    <phoneticPr fontId="9"/>
  </si>
  <si>
    <t>母</t>
    <rPh sb="0" eb="1">
      <t>ハハ</t>
    </rPh>
    <phoneticPr fontId="9"/>
  </si>
  <si>
    <t>専門学校</t>
    <rPh sb="0" eb="2">
      <t>センモン</t>
    </rPh>
    <rPh sb="2" eb="4">
      <t>ガッコウ</t>
    </rPh>
    <phoneticPr fontId="9"/>
  </si>
  <si>
    <t>その他親族</t>
    <rPh sb="2" eb="3">
      <t>タ</t>
    </rPh>
    <rPh sb="3" eb="5">
      <t>シンゾク</t>
    </rPh>
    <phoneticPr fontId="9"/>
  </si>
  <si>
    <t>大学生</t>
    <rPh sb="0" eb="3">
      <t>ダイガクセイ</t>
    </rPh>
    <phoneticPr fontId="9"/>
  </si>
  <si>
    <t>知人</t>
    <rPh sb="0" eb="2">
      <t>チジン</t>
    </rPh>
    <phoneticPr fontId="9"/>
  </si>
  <si>
    <t>有職</t>
    <rPh sb="0" eb="2">
      <t>ユウソク</t>
    </rPh>
    <phoneticPr fontId="9"/>
  </si>
  <si>
    <t>関係機関等の関係者</t>
    <rPh sb="0" eb="2">
      <t>カンケイ</t>
    </rPh>
    <rPh sb="2" eb="4">
      <t>キカン</t>
    </rPh>
    <rPh sb="4" eb="5">
      <t>トウ</t>
    </rPh>
    <rPh sb="6" eb="9">
      <t>カンケイシャ</t>
    </rPh>
    <phoneticPr fontId="9"/>
  </si>
  <si>
    <t>無職</t>
    <rPh sb="0" eb="2">
      <t>ムショク</t>
    </rPh>
    <phoneticPr fontId="9"/>
  </si>
  <si>
    <t>その他</t>
    <rPh sb="2" eb="3">
      <t>タ</t>
    </rPh>
    <phoneticPr fontId="9"/>
  </si>
  <si>
    <t>不明</t>
    <rPh sb="0" eb="2">
      <t>フメイ</t>
    </rPh>
    <phoneticPr fontId="9"/>
  </si>
  <si>
    <t>　</t>
  </si>
  <si>
    <t>相談対象者居住地※１</t>
    <rPh sb="0" eb="2">
      <t>ソウダン</t>
    </rPh>
    <rPh sb="2" eb="5">
      <t>タイショウシャ</t>
    </rPh>
    <rPh sb="5" eb="8">
      <t>キョジュウチ</t>
    </rPh>
    <phoneticPr fontId="9"/>
  </si>
  <si>
    <t>横浜市</t>
    <rPh sb="0" eb="3">
      <t>ヨコハマシ</t>
    </rPh>
    <phoneticPr fontId="9"/>
  </si>
  <si>
    <t>ひきこもり</t>
  </si>
  <si>
    <t>川崎市</t>
    <rPh sb="0" eb="3">
      <t>カワサキシ</t>
    </rPh>
    <phoneticPr fontId="9"/>
  </si>
  <si>
    <t>不登校</t>
    <rPh sb="0" eb="3">
      <t>フトウコウ</t>
    </rPh>
    <phoneticPr fontId="9"/>
  </si>
  <si>
    <t>相模原市</t>
    <rPh sb="0" eb="4">
      <t>サガミハラシ</t>
    </rPh>
    <phoneticPr fontId="9"/>
  </si>
  <si>
    <t>非行</t>
    <rPh sb="0" eb="2">
      <t>ヒコウ</t>
    </rPh>
    <phoneticPr fontId="9"/>
  </si>
  <si>
    <t>横須賀・三浦地区</t>
    <rPh sb="0" eb="3">
      <t>ヨコスカ</t>
    </rPh>
    <rPh sb="4" eb="6">
      <t>ミウラ</t>
    </rPh>
    <rPh sb="6" eb="8">
      <t>チク</t>
    </rPh>
    <phoneticPr fontId="2"/>
  </si>
  <si>
    <t>精神保健</t>
    <rPh sb="0" eb="2">
      <t>セイシン</t>
    </rPh>
    <rPh sb="2" eb="4">
      <t>ホケン</t>
    </rPh>
    <phoneticPr fontId="9"/>
  </si>
  <si>
    <t>県央地区(相模原市を除く)</t>
    <rPh sb="0" eb="2">
      <t>ケンオウ</t>
    </rPh>
    <rPh sb="2" eb="4">
      <t>チク</t>
    </rPh>
    <rPh sb="5" eb="9">
      <t>サガミハラシ</t>
    </rPh>
    <rPh sb="10" eb="11">
      <t>ノゾ</t>
    </rPh>
    <phoneticPr fontId="2"/>
  </si>
  <si>
    <t>就労関係</t>
    <rPh sb="0" eb="2">
      <t>シュウロウ</t>
    </rPh>
    <rPh sb="2" eb="4">
      <t>カンケイ</t>
    </rPh>
    <phoneticPr fontId="9"/>
  </si>
  <si>
    <t>湘南地区</t>
    <rPh sb="0" eb="2">
      <t>ショウナン</t>
    </rPh>
    <rPh sb="2" eb="4">
      <t>チク</t>
    </rPh>
    <phoneticPr fontId="2"/>
  </si>
  <si>
    <t>学校関係</t>
    <rPh sb="0" eb="2">
      <t>ガッコウ</t>
    </rPh>
    <rPh sb="2" eb="4">
      <t>カンケイ</t>
    </rPh>
    <phoneticPr fontId="9"/>
  </si>
  <si>
    <t>西湘・足柄地区</t>
    <rPh sb="0" eb="1">
      <t>セイ</t>
    </rPh>
    <rPh sb="1" eb="2">
      <t>ショウ</t>
    </rPh>
    <rPh sb="3" eb="5">
      <t>アシガラ</t>
    </rPh>
    <rPh sb="5" eb="7">
      <t>チク</t>
    </rPh>
    <phoneticPr fontId="2"/>
  </si>
  <si>
    <t>対人関係</t>
    <rPh sb="0" eb="2">
      <t>タイジン</t>
    </rPh>
    <rPh sb="2" eb="4">
      <t>カンケイ</t>
    </rPh>
    <phoneticPr fontId="9"/>
  </si>
  <si>
    <t>県外</t>
    <rPh sb="0" eb="2">
      <t>ケンガイ</t>
    </rPh>
    <phoneticPr fontId="9"/>
  </si>
  <si>
    <t>家庭問題</t>
    <rPh sb="0" eb="2">
      <t>カテイ</t>
    </rPh>
    <rPh sb="2" eb="4">
      <t>モンダイ</t>
    </rPh>
    <phoneticPr fontId="9"/>
  </si>
  <si>
    <t>発達障害等</t>
    <rPh sb="0" eb="2">
      <t>ハッタツ</t>
    </rPh>
    <rPh sb="2" eb="4">
      <t>ショウガイ</t>
    </rPh>
    <rPh sb="4" eb="5">
      <t>トウ</t>
    </rPh>
    <phoneticPr fontId="9"/>
  </si>
  <si>
    <t>児童福祉</t>
    <rPh sb="0" eb="2">
      <t>ジドウ</t>
    </rPh>
    <rPh sb="2" eb="4">
      <t>フクシ</t>
    </rPh>
    <phoneticPr fontId="9"/>
  </si>
  <si>
    <t xml:space="preserve"> </t>
  </si>
  <si>
    <t>犯罪被害</t>
    <rPh sb="0" eb="2">
      <t>ハンザイ</t>
    </rPh>
    <rPh sb="2" eb="4">
      <t>ヒガイ</t>
    </rPh>
    <phoneticPr fontId="9"/>
  </si>
  <si>
    <t>相談対象者年齢</t>
    <rPh sb="0" eb="2">
      <t>ソウダン</t>
    </rPh>
    <rPh sb="2" eb="5">
      <t>タイショウシャ</t>
    </rPh>
    <rPh sb="5" eb="7">
      <t>ネンレイ</t>
    </rPh>
    <phoneticPr fontId="9"/>
  </si>
  <si>
    <t>健康問題</t>
    <rPh sb="0" eb="2">
      <t>ケンコウ</t>
    </rPh>
    <rPh sb="2" eb="4">
      <t>モンダイ</t>
    </rPh>
    <phoneticPr fontId="9"/>
  </si>
  <si>
    <t>～９</t>
  </si>
  <si>
    <t>生活問題</t>
    <rPh sb="0" eb="2">
      <t>セイカツ</t>
    </rPh>
    <rPh sb="2" eb="4">
      <t>モンダイ</t>
    </rPh>
    <phoneticPr fontId="9"/>
  </si>
  <si>
    <t>１０～19</t>
    <phoneticPr fontId="2"/>
  </si>
  <si>
    <t>２０～29</t>
    <phoneticPr fontId="2"/>
  </si>
  <si>
    <t>３０～39</t>
    <phoneticPr fontId="2"/>
  </si>
  <si>
    <t>４０～</t>
  </si>
  <si>
    <t>電話・メール等</t>
    <rPh sb="0" eb="2">
      <t>デンワ</t>
    </rPh>
    <rPh sb="6" eb="7">
      <t>トウ</t>
    </rPh>
    <phoneticPr fontId="2"/>
  </si>
  <si>
    <t>面接・同行等</t>
    <rPh sb="0" eb="2">
      <t>メンセツ</t>
    </rPh>
    <rPh sb="3" eb="5">
      <t>ドウコウ</t>
    </rPh>
    <rPh sb="5" eb="6">
      <t>トウ</t>
    </rPh>
    <phoneticPr fontId="2"/>
  </si>
  <si>
    <t>対応状況</t>
    <rPh sb="0" eb="2">
      <t>タイオウ</t>
    </rPh>
    <rPh sb="2" eb="4">
      <t>ジョウキョウ</t>
    </rPh>
    <phoneticPr fontId="9"/>
  </si>
  <si>
    <t>助言</t>
    <rPh sb="0" eb="2">
      <t>ジョゲン</t>
    </rPh>
    <phoneticPr fontId="9"/>
  </si>
  <si>
    <t>他機関紹介</t>
    <rPh sb="0" eb="1">
      <t>タ</t>
    </rPh>
    <rPh sb="1" eb="3">
      <t>キカン</t>
    </rPh>
    <rPh sb="3" eb="5">
      <t>ショウカイ</t>
    </rPh>
    <phoneticPr fontId="9"/>
  </si>
  <si>
    <t>情報提供</t>
    <rPh sb="0" eb="2">
      <t>ジョウホウ</t>
    </rPh>
    <rPh sb="2" eb="4">
      <t>テイキョウ</t>
    </rPh>
    <phoneticPr fontId="9"/>
  </si>
  <si>
    <t>来所</t>
    <rPh sb="0" eb="1">
      <t>ライ</t>
    </rPh>
    <rPh sb="1" eb="2">
      <t>ショ</t>
    </rPh>
    <phoneticPr fontId="9"/>
  </si>
  <si>
    <t>継続</t>
    <rPh sb="0" eb="2">
      <t>ケイゾク</t>
    </rPh>
    <phoneticPr fontId="9"/>
  </si>
  <si>
    <t>計</t>
    <rPh sb="0" eb="1">
      <t>ケイ</t>
    </rPh>
    <phoneticPr fontId="9"/>
  </si>
  <si>
    <t>※1</t>
  </si>
  <si>
    <t>横須賀・三浦地区：横須賀市、鎌倉市、逗子市、三浦市、葉山町</t>
    <rPh sb="0" eb="3">
      <t>ヨコスカ</t>
    </rPh>
    <rPh sb="4" eb="6">
      <t>ミウラ</t>
    </rPh>
    <rPh sb="6" eb="8">
      <t>チク</t>
    </rPh>
    <rPh sb="9" eb="13">
      <t>ヨコスカシ</t>
    </rPh>
    <rPh sb="14" eb="17">
      <t>カマクラシ</t>
    </rPh>
    <rPh sb="18" eb="21">
      <t>ズシシ</t>
    </rPh>
    <rPh sb="22" eb="24">
      <t>ミウラ</t>
    </rPh>
    <rPh sb="24" eb="25">
      <t>シ</t>
    </rPh>
    <rPh sb="26" eb="29">
      <t>ハヤママチ</t>
    </rPh>
    <phoneticPr fontId="2"/>
  </si>
  <si>
    <t>県央地区：厚木市、大和市、海老名市、座間市、綾瀬市、愛川町、清川村</t>
    <rPh sb="0" eb="2">
      <t>ケンオウ</t>
    </rPh>
    <rPh sb="2" eb="4">
      <t>チク</t>
    </rPh>
    <rPh sb="5" eb="8">
      <t>アツギシ</t>
    </rPh>
    <rPh sb="9" eb="12">
      <t>ヤマトシ</t>
    </rPh>
    <rPh sb="13" eb="17">
      <t>エビナシ</t>
    </rPh>
    <rPh sb="18" eb="21">
      <t>ザマシ</t>
    </rPh>
    <rPh sb="22" eb="25">
      <t>アヤセシ</t>
    </rPh>
    <rPh sb="26" eb="29">
      <t>アイカワマチ</t>
    </rPh>
    <rPh sb="30" eb="33">
      <t>キヨカワムラ</t>
    </rPh>
    <phoneticPr fontId="2"/>
  </si>
  <si>
    <t>湘南地区：平塚市、藤沢市、茅ヶ崎市、秦野市、伊勢原市、寒川町、大磯町、二宮町</t>
    <rPh sb="0" eb="2">
      <t>ショウナン</t>
    </rPh>
    <rPh sb="2" eb="4">
      <t>チク</t>
    </rPh>
    <rPh sb="5" eb="8">
      <t>ヒラツカシ</t>
    </rPh>
    <rPh sb="9" eb="12">
      <t>フジサワシ</t>
    </rPh>
    <rPh sb="13" eb="17">
      <t>チガサキシ</t>
    </rPh>
    <rPh sb="18" eb="21">
      <t>ハダノシ</t>
    </rPh>
    <rPh sb="22" eb="26">
      <t>イセハラシ</t>
    </rPh>
    <rPh sb="27" eb="30">
      <t>サムカワマチ</t>
    </rPh>
    <rPh sb="31" eb="34">
      <t>オオイソマチ</t>
    </rPh>
    <rPh sb="35" eb="38">
      <t>ニノミヤマチ</t>
    </rPh>
    <phoneticPr fontId="2"/>
  </si>
  <si>
    <t>西湘・足柄地区：小田原市、南足柄市、中井町、大井町、松田町、山北町、開成町、箱根町、真鶴町、湯河原町</t>
    <rPh sb="0" eb="2">
      <t>セイショウ</t>
    </rPh>
    <rPh sb="3" eb="5">
      <t>アシガラ</t>
    </rPh>
    <rPh sb="5" eb="7">
      <t>チク</t>
    </rPh>
    <rPh sb="8" eb="12">
      <t>オダワラシ</t>
    </rPh>
    <rPh sb="13" eb="17">
      <t>ミナミアシガラシ</t>
    </rPh>
    <rPh sb="18" eb="21">
      <t>ナカイマチ</t>
    </rPh>
    <rPh sb="22" eb="24">
      <t>オオイ</t>
    </rPh>
    <rPh sb="24" eb="25">
      <t>マチ</t>
    </rPh>
    <rPh sb="26" eb="29">
      <t>マツダマチ</t>
    </rPh>
    <rPh sb="30" eb="33">
      <t>ヤマキタマチ</t>
    </rPh>
    <rPh sb="34" eb="36">
      <t>カイセイ</t>
    </rPh>
    <rPh sb="36" eb="37">
      <t>マチ</t>
    </rPh>
    <rPh sb="38" eb="41">
      <t>ハコネマチ</t>
    </rPh>
    <rPh sb="42" eb="44">
      <t>マナヅル</t>
    </rPh>
    <rPh sb="44" eb="45">
      <t>マチ</t>
    </rPh>
    <rPh sb="46" eb="50">
      <t>ユガワラマチ</t>
    </rPh>
    <phoneticPr fontId="2"/>
  </si>
  <si>
    <t>団体名：</t>
    <rPh sb="0" eb="2">
      <t>ダンタイ</t>
    </rPh>
    <rPh sb="2" eb="3">
      <t>メイ</t>
    </rPh>
    <phoneticPr fontId="1"/>
  </si>
  <si>
    <t>※2　　</t>
    <phoneticPr fontId="1"/>
  </si>
  <si>
    <t>1相談１主訴</t>
    <phoneticPr fontId="1"/>
  </si>
  <si>
    <t>年４月</t>
  </si>
  <si>
    <t>関係機関</t>
    <rPh sb="0" eb="2">
      <t>カンケイ</t>
    </rPh>
    <rPh sb="2" eb="4">
      <t>キカン</t>
    </rPh>
    <phoneticPr fontId="1"/>
  </si>
  <si>
    <t>件数</t>
    <rPh sb="0" eb="2">
      <t>ケンスウ</t>
    </rPh>
    <phoneticPr fontId="1"/>
  </si>
  <si>
    <t>福祉事務所</t>
    <rPh sb="0" eb="2">
      <t>フクシ</t>
    </rPh>
    <rPh sb="2" eb="4">
      <t>ジム</t>
    </rPh>
    <rPh sb="4" eb="5">
      <t>ショ</t>
    </rPh>
    <phoneticPr fontId="1"/>
  </si>
  <si>
    <t>自立相談支援事業実施機関</t>
    <rPh sb="0" eb="2">
      <t>ジリツ</t>
    </rPh>
    <rPh sb="2" eb="4">
      <t>ソウダン</t>
    </rPh>
    <rPh sb="4" eb="6">
      <t>シエン</t>
    </rPh>
    <rPh sb="6" eb="8">
      <t>ジギョウ</t>
    </rPh>
    <rPh sb="8" eb="10">
      <t>ジッシ</t>
    </rPh>
    <rPh sb="10" eb="12">
      <t>キカン</t>
    </rPh>
    <phoneticPr fontId="1"/>
  </si>
  <si>
    <t>児童相談所</t>
    <rPh sb="0" eb="2">
      <t>ジドウ</t>
    </rPh>
    <rPh sb="2" eb="5">
      <t>ソウダンショ</t>
    </rPh>
    <phoneticPr fontId="1"/>
  </si>
  <si>
    <t>児童家庭支援センター</t>
    <rPh sb="0" eb="2">
      <t>ジドウ</t>
    </rPh>
    <rPh sb="2" eb="4">
      <t>カテイ</t>
    </rPh>
    <rPh sb="4" eb="6">
      <t>シエン</t>
    </rPh>
    <phoneticPr fontId="1"/>
  </si>
  <si>
    <t>精神保健福祉センター</t>
    <rPh sb="0" eb="2">
      <t>セイシン</t>
    </rPh>
    <rPh sb="2" eb="4">
      <t>ホケン</t>
    </rPh>
    <rPh sb="4" eb="6">
      <t>フクシ</t>
    </rPh>
    <phoneticPr fontId="1"/>
  </si>
  <si>
    <t>医療機関（病院・診療所）</t>
    <rPh sb="0" eb="2">
      <t>イリョウ</t>
    </rPh>
    <rPh sb="2" eb="4">
      <t>キカン</t>
    </rPh>
    <rPh sb="5" eb="7">
      <t>ビョウイン</t>
    </rPh>
    <rPh sb="8" eb="11">
      <t>シンリョウジョ</t>
    </rPh>
    <phoneticPr fontId="1"/>
  </si>
  <si>
    <t>子ども・若者総合相談センター</t>
    <rPh sb="0" eb="1">
      <t>コ</t>
    </rPh>
    <rPh sb="4" eb="6">
      <t>ワカモノ</t>
    </rPh>
    <rPh sb="6" eb="8">
      <t>ソウゴウ</t>
    </rPh>
    <rPh sb="8" eb="10">
      <t>ソウダン</t>
    </rPh>
    <phoneticPr fontId="1"/>
  </si>
  <si>
    <t>地域若者サポートステーション</t>
    <rPh sb="0" eb="2">
      <t>チイキ</t>
    </rPh>
    <rPh sb="2" eb="4">
      <t>ワカモノ</t>
    </rPh>
    <phoneticPr fontId="1"/>
  </si>
  <si>
    <r>
      <t>社会福祉協議会</t>
    </r>
    <r>
      <rPr>
        <sz val="6"/>
        <rFont val="ＭＳ Ｐゴシック"/>
        <family val="3"/>
        <charset val="128"/>
      </rPr>
      <t>（以下の相談機関を除く）</t>
    </r>
    <rPh sb="0" eb="2">
      <t>シャカイ</t>
    </rPh>
    <rPh sb="2" eb="4">
      <t>フクシ</t>
    </rPh>
    <rPh sb="4" eb="7">
      <t>キョウギカイ</t>
    </rPh>
    <rPh sb="8" eb="10">
      <t>イカ</t>
    </rPh>
    <rPh sb="11" eb="13">
      <t>ソウダン</t>
    </rPh>
    <rPh sb="13" eb="15">
      <t>キカン</t>
    </rPh>
    <rPh sb="16" eb="17">
      <t>ノゾ</t>
    </rPh>
    <phoneticPr fontId="1"/>
  </si>
  <si>
    <t>ハローワーク</t>
    <phoneticPr fontId="1"/>
  </si>
  <si>
    <t>企業</t>
    <rPh sb="0" eb="2">
      <t>キギョウ</t>
    </rPh>
    <phoneticPr fontId="1"/>
  </si>
  <si>
    <r>
      <t>教育関係機関</t>
    </r>
    <r>
      <rPr>
        <sz val="6"/>
        <rFont val="ＭＳ Ｐゴシック"/>
        <family val="3"/>
        <charset val="128"/>
      </rPr>
      <t>（学校・教育委員会等）</t>
    </r>
    <rPh sb="0" eb="2">
      <t>キョウイク</t>
    </rPh>
    <rPh sb="2" eb="4">
      <t>カンケイ</t>
    </rPh>
    <rPh sb="4" eb="6">
      <t>キカン</t>
    </rPh>
    <rPh sb="7" eb="9">
      <t>ガッコウ</t>
    </rPh>
    <rPh sb="10" eb="12">
      <t>キョウイク</t>
    </rPh>
    <rPh sb="12" eb="15">
      <t>イインカイ</t>
    </rPh>
    <rPh sb="15" eb="16">
      <t>トウ</t>
    </rPh>
    <phoneticPr fontId="1"/>
  </si>
  <si>
    <r>
      <t>民間支援団体</t>
    </r>
    <r>
      <rPr>
        <sz val="6"/>
        <rFont val="ＭＳ Ｐゴシック"/>
        <family val="3"/>
        <charset val="128"/>
      </rPr>
      <t>（当事者団体・NPO法人等）</t>
    </r>
    <rPh sb="0" eb="2">
      <t>ミンカン</t>
    </rPh>
    <rPh sb="2" eb="4">
      <t>シエン</t>
    </rPh>
    <rPh sb="4" eb="6">
      <t>ダンタイ</t>
    </rPh>
    <rPh sb="7" eb="10">
      <t>トウジシャ</t>
    </rPh>
    <rPh sb="10" eb="12">
      <t>ダンタイ</t>
    </rPh>
    <rPh sb="16" eb="18">
      <t>ホウジン</t>
    </rPh>
    <rPh sb="18" eb="19">
      <t>トウ</t>
    </rPh>
    <phoneticPr fontId="1"/>
  </si>
  <si>
    <t>関係機関へつないだ件数（複数計上可）</t>
    <rPh sb="0" eb="2">
      <t>カンケイ</t>
    </rPh>
    <rPh sb="2" eb="4">
      <t>キカン</t>
    </rPh>
    <rPh sb="9" eb="11">
      <t>ケンスウ</t>
    </rPh>
    <rPh sb="12" eb="14">
      <t>フクスウ</t>
    </rPh>
    <rPh sb="14" eb="16">
      <t>ケイジョウ</t>
    </rPh>
    <rPh sb="16" eb="17">
      <t>カ</t>
    </rPh>
    <phoneticPr fontId="1"/>
  </si>
  <si>
    <t>就労移行支援</t>
    <rPh sb="0" eb="2">
      <t>シュウロウ</t>
    </rPh>
    <rPh sb="2" eb="4">
      <t>イコウ</t>
    </rPh>
    <rPh sb="4" eb="6">
      <t>シエン</t>
    </rPh>
    <phoneticPr fontId="1"/>
  </si>
  <si>
    <t>就労継続支援A型</t>
    <rPh sb="0" eb="2">
      <t>シュウロウ</t>
    </rPh>
    <rPh sb="2" eb="4">
      <t>ケイゾク</t>
    </rPh>
    <rPh sb="4" eb="6">
      <t>シエン</t>
    </rPh>
    <rPh sb="7" eb="8">
      <t>ガタ</t>
    </rPh>
    <phoneticPr fontId="1"/>
  </si>
  <si>
    <t>就労継続支援Ｂ型</t>
    <rPh sb="0" eb="2">
      <t>シュウロウ</t>
    </rPh>
    <rPh sb="2" eb="4">
      <t>ケイゾク</t>
    </rPh>
    <rPh sb="4" eb="6">
      <t>シエン</t>
    </rPh>
    <rPh sb="7" eb="8">
      <t>ガタ</t>
    </rPh>
    <phoneticPr fontId="1"/>
  </si>
  <si>
    <t>地域活動支援センター</t>
    <rPh sb="0" eb="2">
      <t>チイキ</t>
    </rPh>
    <rPh sb="2" eb="4">
      <t>カツドウ</t>
    </rPh>
    <rPh sb="4" eb="6">
      <t>シエン</t>
    </rPh>
    <phoneticPr fontId="1"/>
  </si>
  <si>
    <t>グループホーム</t>
    <phoneticPr fontId="1"/>
  </si>
  <si>
    <t>障害者職業センター</t>
    <rPh sb="0" eb="3">
      <t>ショウガイシャ</t>
    </rPh>
    <rPh sb="3" eb="5">
      <t>ショクギョウ</t>
    </rPh>
    <phoneticPr fontId="1"/>
  </si>
  <si>
    <t>障害者就労・生活支援センター</t>
    <rPh sb="0" eb="3">
      <t>ショウガイシャ</t>
    </rPh>
    <rPh sb="3" eb="5">
      <t>シュウロウ</t>
    </rPh>
    <rPh sb="6" eb="8">
      <t>セイカツ</t>
    </rPh>
    <rPh sb="8" eb="10">
      <t>シエン</t>
    </rPh>
    <phoneticPr fontId="1"/>
  </si>
  <si>
    <r>
      <t>ひきこもり地域支援センター</t>
    </r>
    <r>
      <rPr>
        <sz val="6"/>
        <rFont val="ＭＳ Ｐゴシック"/>
        <family val="3"/>
        <charset val="128"/>
      </rPr>
      <t>（他地域等）</t>
    </r>
    <rPh sb="5" eb="7">
      <t>チイキ</t>
    </rPh>
    <rPh sb="7" eb="9">
      <t>シエン</t>
    </rPh>
    <rPh sb="14" eb="15">
      <t>タ</t>
    </rPh>
    <rPh sb="15" eb="17">
      <t>チイキ</t>
    </rPh>
    <rPh sb="17" eb="18">
      <t>トウ</t>
    </rPh>
    <phoneticPr fontId="1"/>
  </si>
  <si>
    <t>相談内容別（主訴※2）</t>
    <rPh sb="0" eb="2">
      <t>ソウダン</t>
    </rPh>
    <rPh sb="2" eb="4">
      <t>ナイヨウ</t>
    </rPh>
    <rPh sb="4" eb="5">
      <t>ベツ</t>
    </rPh>
    <rPh sb="6" eb="8">
      <t>シュソ</t>
    </rPh>
    <phoneticPr fontId="9"/>
  </si>
  <si>
    <t>その他関係機関名</t>
    <rPh sb="2" eb="3">
      <t>タ</t>
    </rPh>
    <rPh sb="3" eb="5">
      <t>カンケイ</t>
    </rPh>
    <rPh sb="5" eb="7">
      <t>キカン</t>
    </rPh>
    <rPh sb="7" eb="8">
      <t>メイ</t>
    </rPh>
    <phoneticPr fontId="1"/>
  </si>
  <si>
    <t>件数</t>
    <rPh sb="0" eb="2">
      <t>ケンスウ</t>
    </rPh>
    <phoneticPr fontId="1"/>
  </si>
  <si>
    <t>計</t>
    <rPh sb="0" eb="1">
      <t>ケイ</t>
    </rPh>
    <phoneticPr fontId="1"/>
  </si>
  <si>
    <t>年５月</t>
    <phoneticPr fontId="1"/>
  </si>
  <si>
    <t>年上半期</t>
    <rPh sb="1" eb="4">
      <t>カミハンキ</t>
    </rPh>
    <phoneticPr fontId="1"/>
  </si>
  <si>
    <t>福祉事務所以外の市区町村窓口</t>
    <rPh sb="0" eb="2">
      <t>フクシ</t>
    </rPh>
    <rPh sb="2" eb="4">
      <t>ジム</t>
    </rPh>
    <rPh sb="4" eb="5">
      <t>ショ</t>
    </rPh>
    <rPh sb="5" eb="7">
      <t>イガイ</t>
    </rPh>
    <rPh sb="8" eb="10">
      <t>シク</t>
    </rPh>
    <rPh sb="10" eb="12">
      <t>チョウソン</t>
    </rPh>
    <rPh sb="12" eb="14">
      <t>マドグチ</t>
    </rPh>
    <phoneticPr fontId="1"/>
  </si>
  <si>
    <t>保健所・保健センター</t>
    <rPh sb="0" eb="3">
      <t>ホケンジョ</t>
    </rPh>
    <rPh sb="4" eb="6">
      <t>ホケン</t>
    </rPh>
    <phoneticPr fontId="1"/>
  </si>
  <si>
    <t>発達障害者支援センター</t>
    <rPh sb="0" eb="2">
      <t>ハッタツ</t>
    </rPh>
    <rPh sb="2" eb="4">
      <t>ショウガイ</t>
    </rPh>
    <rPh sb="4" eb="5">
      <t>シャ</t>
    </rPh>
    <rPh sb="5" eb="7">
      <t>シエン</t>
    </rPh>
    <phoneticPr fontId="1"/>
  </si>
  <si>
    <t>障害者相談支援事業所</t>
    <rPh sb="0" eb="3">
      <t>ショウガイシャ</t>
    </rPh>
    <rPh sb="3" eb="5">
      <t>ソウダン</t>
    </rPh>
    <rPh sb="5" eb="7">
      <t>シエン</t>
    </rPh>
    <rPh sb="7" eb="10">
      <t>ジギョウショ</t>
    </rPh>
    <rPh sb="9" eb="10">
      <t>ショ</t>
    </rPh>
    <phoneticPr fontId="1"/>
  </si>
  <si>
    <t>地域包括支援センター</t>
    <rPh sb="0" eb="2">
      <t>チイキ</t>
    </rPh>
    <rPh sb="2" eb="4">
      <t>ホウカツ</t>
    </rPh>
    <rPh sb="4" eb="6">
      <t>シエン</t>
    </rPh>
    <phoneticPr fontId="1"/>
  </si>
  <si>
    <t>その他（※3）</t>
    <rPh sb="2" eb="3">
      <t>タ</t>
    </rPh>
    <phoneticPr fontId="1"/>
  </si>
  <si>
    <t>※3「その他」の内訳を下欄に入力してください</t>
    <rPh sb="5" eb="6">
      <t>タ</t>
    </rPh>
    <rPh sb="8" eb="10">
      <t>ウチワケ</t>
    </rPh>
    <rPh sb="11" eb="13">
      <t>カラン</t>
    </rPh>
    <rPh sb="14" eb="16">
      <t>ニュウリョク</t>
    </rPh>
    <phoneticPr fontId="1"/>
  </si>
  <si>
    <t>年６月</t>
    <phoneticPr fontId="1"/>
  </si>
  <si>
    <t>年７月</t>
    <phoneticPr fontId="1"/>
  </si>
  <si>
    <t>年８月</t>
    <phoneticPr fontId="1"/>
  </si>
  <si>
    <t>年９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General&quot;　件&quot;"/>
    <numFmt numFmtId="177" formatCode="#,##0_);[Red]\(#,##0\)"/>
    <numFmt numFmtId="178" formatCode="_ #,##0;[Red]_ \-#,##0"/>
  </numFmts>
  <fonts count="20">
    <font>
      <sz val="12"/>
      <color theme="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2"/>
      <name val="ＭＳ 明朝"/>
      <family val="1"/>
      <charset val="128"/>
    </font>
    <font>
      <sz val="9"/>
      <name val="ＭＳ Ｐゴシック"/>
      <family val="3"/>
      <charset val="128"/>
    </font>
    <font>
      <sz val="9"/>
      <name val="ＭＳ 明朝"/>
      <family val="1"/>
      <charset val="128"/>
    </font>
    <font>
      <sz val="8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HGSｺﾞｼｯｸE"/>
      <family val="3"/>
      <charset val="128"/>
    </font>
    <font>
      <sz val="8"/>
      <name val="ＪＳＰゴシック"/>
      <family val="3"/>
      <charset val="128"/>
    </font>
    <font>
      <sz val="8"/>
      <color indexed="8"/>
      <name val="ＭＳ Ｐゴシック"/>
      <family val="3"/>
      <charset val="128"/>
    </font>
    <font>
      <sz val="7"/>
      <color indexed="8"/>
      <name val="ＭＳ Ｐゴシック"/>
      <family val="3"/>
      <charset val="128"/>
    </font>
    <font>
      <sz val="5"/>
      <name val="ＭＳ Ｐゴシック"/>
      <family val="3"/>
      <charset val="128"/>
    </font>
    <font>
      <sz val="9"/>
      <color theme="1"/>
      <name val="ＭＳ ゴシック"/>
      <family val="3"/>
      <charset val="128"/>
    </font>
    <font>
      <sz val="9"/>
      <color theme="1"/>
      <name val="ＭＳ 明朝"/>
      <family val="1"/>
      <charset val="128"/>
    </font>
    <font>
      <sz val="9"/>
      <color theme="1"/>
      <name val="ＭＳ Ｐゴシック"/>
      <family val="3"/>
      <charset val="128"/>
      <scheme val="minor"/>
    </font>
    <font>
      <sz val="7"/>
      <color theme="1"/>
      <name val="ＭＳ 明朝"/>
      <family val="1"/>
      <charset val="128"/>
    </font>
    <font>
      <sz val="9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53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8"/>
      </right>
      <top/>
      <bottom/>
      <diagonal/>
    </border>
    <border>
      <left style="hair">
        <color indexed="8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8"/>
      </right>
      <top style="hair">
        <color indexed="8"/>
      </top>
      <bottom/>
      <diagonal/>
    </border>
    <border>
      <left style="hair">
        <color indexed="8"/>
      </left>
      <right style="thin">
        <color indexed="64"/>
      </right>
      <top style="hair">
        <color indexed="8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8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8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8"/>
      </top>
      <bottom style="hair">
        <color indexed="64"/>
      </bottom>
      <diagonal/>
    </border>
    <border>
      <left style="thin">
        <color indexed="64"/>
      </left>
      <right/>
      <top style="hair">
        <color indexed="8"/>
      </top>
      <bottom/>
      <diagonal/>
    </border>
    <border>
      <left style="hair">
        <color indexed="8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8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8"/>
      </bottom>
      <diagonal/>
    </border>
    <border>
      <left style="thin">
        <color indexed="64"/>
      </left>
      <right/>
      <top style="hair">
        <color indexed="8"/>
      </top>
      <bottom style="thin">
        <color indexed="64"/>
      </bottom>
      <diagonal/>
    </border>
    <border>
      <left style="hair">
        <color indexed="8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8"/>
      </right>
      <top style="hair">
        <color indexed="8"/>
      </top>
      <bottom style="thin">
        <color indexed="64"/>
      </bottom>
      <diagonal/>
    </border>
    <border>
      <left style="hair">
        <color indexed="8"/>
      </left>
      <right style="thin">
        <color indexed="64"/>
      </right>
      <top style="hair">
        <color indexed="8"/>
      </top>
      <bottom style="thin">
        <color indexed="64"/>
      </bottom>
      <diagonal/>
    </border>
    <border>
      <left style="thin">
        <color indexed="64"/>
      </left>
      <right style="hair">
        <color indexed="8"/>
      </right>
      <top style="hair">
        <color indexed="8"/>
      </top>
      <bottom style="hair">
        <color indexed="64"/>
      </bottom>
      <diagonal/>
    </border>
    <border>
      <left style="hair">
        <color indexed="8"/>
      </left>
      <right style="thin">
        <color indexed="64"/>
      </right>
      <top style="hair">
        <color indexed="8"/>
      </top>
      <bottom style="hair">
        <color indexed="64"/>
      </bottom>
      <diagonal/>
    </border>
    <border>
      <left style="thin">
        <color indexed="64"/>
      </left>
      <right style="hair">
        <color indexed="8"/>
      </right>
      <top/>
      <bottom style="thin">
        <color indexed="64"/>
      </bottom>
      <diagonal/>
    </border>
    <border>
      <left style="hair">
        <color indexed="8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 style="thin">
        <color indexed="64"/>
      </diagonal>
    </border>
    <border diagonalUp="1"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 diagonalUp="1">
      <left style="hair">
        <color indexed="64"/>
      </left>
      <right style="thin">
        <color indexed="64"/>
      </right>
      <top/>
      <bottom style="hair">
        <color indexed="64"/>
      </bottom>
      <diagonal style="thin">
        <color indexed="64"/>
      </diagonal>
    </border>
    <border diagonalUp="1">
      <left style="hair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</borders>
  <cellStyleXfs count="2">
    <xf numFmtId="0" fontId="0" fillId="0" borderId="0">
      <alignment vertical="center"/>
    </xf>
    <xf numFmtId="0" fontId="5" fillId="0" borderId="0">
      <alignment vertical="center"/>
    </xf>
  </cellStyleXfs>
  <cellXfs count="113">
    <xf numFmtId="0" fontId="0" fillId="0" borderId="0" xfId="0">
      <alignment vertical="center"/>
    </xf>
    <xf numFmtId="0" fontId="3" fillId="0" borderId="0" xfId="0" applyFont="1" applyFill="1" applyAlignment="1" applyProtection="1">
      <alignment horizontal="right" vertical="top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6" fillId="0" borderId="1" xfId="1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177" fontId="4" fillId="2" borderId="4" xfId="0" applyNumberFormat="1" applyFont="1" applyFill="1" applyBorder="1" applyProtection="1">
      <alignment vertical="center"/>
      <protection locked="0"/>
    </xf>
    <xf numFmtId="0" fontId="4" fillId="0" borderId="3" xfId="1" applyFont="1" applyBorder="1" applyAlignment="1">
      <alignment horizontal="center" vertical="center"/>
    </xf>
    <xf numFmtId="177" fontId="6" fillId="2" borderId="4" xfId="1" applyNumberFormat="1" applyFont="1" applyFill="1" applyBorder="1" applyProtection="1">
      <alignment vertical="center"/>
      <protection locked="0"/>
    </xf>
    <xf numFmtId="0" fontId="7" fillId="0" borderId="0" xfId="1" applyFont="1" applyBorder="1">
      <alignment vertical="center"/>
    </xf>
    <xf numFmtId="0" fontId="4" fillId="0" borderId="5" xfId="0" applyFont="1" applyBorder="1" applyAlignment="1">
      <alignment horizontal="center" vertical="center"/>
    </xf>
    <xf numFmtId="177" fontId="4" fillId="2" borderId="6" xfId="0" applyNumberFormat="1" applyFont="1" applyFill="1" applyBorder="1" applyProtection="1">
      <alignment vertical="center"/>
      <protection locked="0"/>
    </xf>
    <xf numFmtId="0" fontId="4" fillId="0" borderId="5" xfId="1" applyFont="1" applyBorder="1" applyAlignment="1">
      <alignment horizontal="center" vertical="center"/>
    </xf>
    <xf numFmtId="177" fontId="6" fillId="2" borderId="7" xfId="1" applyNumberFormat="1" applyFont="1" applyFill="1" applyBorder="1" applyProtection="1">
      <alignment vertical="center"/>
      <protection locked="0"/>
    </xf>
    <xf numFmtId="0" fontId="6" fillId="0" borderId="8" xfId="1" applyFont="1" applyBorder="1" applyAlignment="1">
      <alignment horizontal="center" vertical="center"/>
    </xf>
    <xf numFmtId="177" fontId="6" fillId="2" borderId="9" xfId="1" applyNumberFormat="1" applyFont="1" applyFill="1" applyBorder="1" applyProtection="1">
      <alignment vertical="center"/>
      <protection locked="0"/>
    </xf>
    <xf numFmtId="177" fontId="4" fillId="0" borderId="2" xfId="0" applyNumberFormat="1" applyFont="1" applyFill="1" applyBorder="1" applyProtection="1">
      <alignment vertical="center"/>
    </xf>
    <xf numFmtId="0" fontId="4" fillId="0" borderId="0" xfId="0" applyFont="1" applyBorder="1">
      <alignment vertical="center"/>
    </xf>
    <xf numFmtId="0" fontId="4" fillId="0" borderId="8" xfId="0" applyFont="1" applyBorder="1" applyAlignment="1">
      <alignment horizontal="center" vertical="center"/>
    </xf>
    <xf numFmtId="177" fontId="4" fillId="2" borderId="10" xfId="0" applyNumberFormat="1" applyFont="1" applyFill="1" applyBorder="1" applyProtection="1">
      <alignment vertical="center"/>
      <protection locked="0"/>
    </xf>
    <xf numFmtId="177" fontId="4" fillId="0" borderId="2" xfId="0" applyNumberFormat="1" applyFont="1" applyBorder="1">
      <alignment vertical="center"/>
    </xf>
    <xf numFmtId="178" fontId="8" fillId="0" borderId="11" xfId="1" applyNumberFormat="1" applyFont="1" applyBorder="1" applyAlignment="1">
      <alignment horizontal="distributed" vertical="center" justifyLastLine="1"/>
    </xf>
    <xf numFmtId="178" fontId="6" fillId="0" borderId="12" xfId="1" applyNumberFormat="1" applyFont="1" applyBorder="1" applyAlignment="1">
      <alignment horizontal="distributed" vertical="center" justifyLastLine="1"/>
    </xf>
    <xf numFmtId="177" fontId="6" fillId="2" borderId="13" xfId="1" applyNumberFormat="1" applyFont="1" applyFill="1" applyBorder="1" applyProtection="1">
      <alignment vertical="center"/>
      <protection locked="0"/>
    </xf>
    <xf numFmtId="178" fontId="6" fillId="0" borderId="0" xfId="1" applyNumberFormat="1" applyFont="1" applyBorder="1">
      <alignment vertical="center"/>
    </xf>
    <xf numFmtId="178" fontId="6" fillId="0" borderId="14" xfId="1" applyNumberFormat="1" applyFont="1" applyBorder="1" applyAlignment="1">
      <alignment horizontal="center" vertical="center"/>
    </xf>
    <xf numFmtId="0" fontId="5" fillId="0" borderId="0" xfId="1">
      <alignment vertical="center"/>
    </xf>
    <xf numFmtId="178" fontId="6" fillId="0" borderId="15" xfId="1" applyNumberFormat="1" applyFont="1" applyBorder="1" applyAlignment="1">
      <alignment horizontal="distributed" vertical="center" justifyLastLine="1"/>
    </xf>
    <xf numFmtId="177" fontId="6" fillId="2" borderId="16" xfId="1" applyNumberFormat="1" applyFont="1" applyFill="1" applyBorder="1" applyProtection="1">
      <alignment vertical="center"/>
      <protection locked="0"/>
    </xf>
    <xf numFmtId="178" fontId="6" fillId="0" borderId="17" xfId="1" applyNumberFormat="1" applyFont="1" applyBorder="1" applyAlignment="1">
      <alignment horizontal="distributed" vertical="center" justifyLastLine="1"/>
    </xf>
    <xf numFmtId="177" fontId="6" fillId="2" borderId="18" xfId="1" applyNumberFormat="1" applyFont="1" applyFill="1" applyBorder="1" applyProtection="1">
      <alignment vertical="center"/>
      <protection locked="0"/>
    </xf>
    <xf numFmtId="178" fontId="6" fillId="0" borderId="19" xfId="1" applyNumberFormat="1" applyFont="1" applyBorder="1" applyAlignment="1">
      <alignment horizontal="distributed" vertical="center" justifyLastLine="1"/>
    </xf>
    <xf numFmtId="177" fontId="6" fillId="2" borderId="20" xfId="1" applyNumberFormat="1" applyFont="1" applyFill="1" applyBorder="1" applyProtection="1">
      <alignment vertical="center"/>
      <protection locked="0"/>
    </xf>
    <xf numFmtId="178" fontId="6" fillId="0" borderId="21" xfId="1" applyNumberFormat="1" applyFont="1" applyBorder="1" applyAlignment="1">
      <alignment horizontal="distributed" vertical="center" justifyLastLine="1"/>
    </xf>
    <xf numFmtId="177" fontId="6" fillId="2" borderId="22" xfId="1" applyNumberFormat="1" applyFont="1" applyFill="1" applyBorder="1" applyProtection="1">
      <alignment vertical="center"/>
      <protection locked="0"/>
    </xf>
    <xf numFmtId="178" fontId="10" fillId="0" borderId="0" xfId="1" applyNumberFormat="1" applyFont="1" applyBorder="1" applyAlignment="1">
      <alignment horizontal="center" vertical="center"/>
    </xf>
    <xf numFmtId="178" fontId="6" fillId="0" borderId="23" xfId="1" applyNumberFormat="1" applyFont="1" applyBorder="1" applyAlignment="1">
      <alignment horizontal="distributed" vertical="center" justifyLastLine="1"/>
    </xf>
    <xf numFmtId="177" fontId="6" fillId="2" borderId="24" xfId="1" applyNumberFormat="1" applyFont="1" applyFill="1" applyBorder="1" applyProtection="1">
      <alignment vertical="center"/>
      <protection locked="0"/>
    </xf>
    <xf numFmtId="178" fontId="6" fillId="0" borderId="0" xfId="1" applyNumberFormat="1" applyFont="1" applyFill="1" applyBorder="1">
      <alignment vertical="center"/>
    </xf>
    <xf numFmtId="178" fontId="6" fillId="0" borderId="25" xfId="1" applyNumberFormat="1" applyFont="1" applyBorder="1" applyAlignment="1">
      <alignment horizontal="distributed" vertical="center" justifyLastLine="1"/>
    </xf>
    <xf numFmtId="177" fontId="6" fillId="2" borderId="26" xfId="1" applyNumberFormat="1" applyFont="1" applyFill="1" applyBorder="1" applyProtection="1">
      <alignment vertical="center"/>
      <protection locked="0"/>
    </xf>
    <xf numFmtId="178" fontId="6" fillId="0" borderId="27" xfId="1" applyNumberFormat="1" applyFont="1" applyBorder="1" applyAlignment="1">
      <alignment horizontal="distributed" vertical="center" justifyLastLine="1"/>
    </xf>
    <xf numFmtId="177" fontId="6" fillId="2" borderId="28" xfId="1" applyNumberFormat="1" applyFont="1" applyFill="1" applyBorder="1" applyProtection="1">
      <alignment vertical="center"/>
      <protection locked="0"/>
    </xf>
    <xf numFmtId="178" fontId="5" fillId="0" borderId="0" xfId="1" applyNumberFormat="1">
      <alignment vertical="center"/>
    </xf>
    <xf numFmtId="0" fontId="6" fillId="0" borderId="0" xfId="1" applyFont="1" applyFill="1" applyProtection="1">
      <alignment vertical="center"/>
    </xf>
    <xf numFmtId="0" fontId="6" fillId="0" borderId="0" xfId="1" applyFont="1">
      <alignment vertical="center"/>
    </xf>
    <xf numFmtId="178" fontId="8" fillId="0" borderId="21" xfId="1" applyNumberFormat="1" applyFont="1" applyBorder="1" applyAlignment="1">
      <alignment horizontal="distributed" vertical="center" justifyLastLine="1"/>
    </xf>
    <xf numFmtId="178" fontId="8" fillId="0" borderId="14" xfId="1" applyNumberFormat="1" applyFont="1" applyBorder="1" applyAlignment="1">
      <alignment horizontal="center" vertical="center"/>
    </xf>
    <xf numFmtId="178" fontId="6" fillId="0" borderId="17" xfId="1" applyNumberFormat="1" applyFont="1" applyBorder="1" applyAlignment="1">
      <alignment horizontal="center" vertical="center"/>
    </xf>
    <xf numFmtId="178" fontId="6" fillId="0" borderId="29" xfId="1" applyNumberFormat="1" applyFont="1" applyBorder="1" applyAlignment="1">
      <alignment horizontal="distributed" vertical="center" justifyLastLine="1"/>
    </xf>
    <xf numFmtId="177" fontId="6" fillId="2" borderId="30" xfId="1" applyNumberFormat="1" applyFont="1" applyFill="1" applyBorder="1" applyProtection="1">
      <alignment vertical="center"/>
      <protection locked="0"/>
    </xf>
    <xf numFmtId="178" fontId="6" fillId="0" borderId="21" xfId="1" applyNumberFormat="1" applyFont="1" applyBorder="1" applyAlignment="1">
      <alignment horizontal="center" vertical="center"/>
    </xf>
    <xf numFmtId="0" fontId="5" fillId="0" borderId="0" xfId="1" applyBorder="1">
      <alignment vertical="center"/>
    </xf>
    <xf numFmtId="178" fontId="6" fillId="0" borderId="31" xfId="1" applyNumberFormat="1" applyFont="1" applyBorder="1" applyAlignment="1">
      <alignment horizontal="distributed" vertical="center" justifyLastLine="1"/>
    </xf>
    <xf numFmtId="177" fontId="6" fillId="2" borderId="32" xfId="1" applyNumberFormat="1" applyFont="1" applyFill="1" applyBorder="1" applyProtection="1">
      <alignment vertical="center"/>
      <protection locked="0"/>
    </xf>
    <xf numFmtId="177" fontId="6" fillId="2" borderId="33" xfId="1" applyNumberFormat="1" applyFont="1" applyFill="1" applyBorder="1" applyProtection="1">
      <alignment vertical="center"/>
      <protection locked="0"/>
    </xf>
    <xf numFmtId="177" fontId="6" fillId="2" borderId="6" xfId="1" applyNumberFormat="1" applyFont="1" applyFill="1" applyBorder="1" applyProtection="1">
      <alignment vertical="center"/>
      <protection locked="0"/>
    </xf>
    <xf numFmtId="177" fontId="6" fillId="2" borderId="10" xfId="1" applyNumberFormat="1" applyFont="1" applyFill="1" applyBorder="1" applyProtection="1">
      <alignment vertical="center"/>
      <protection locked="0"/>
    </xf>
    <xf numFmtId="0" fontId="8" fillId="0" borderId="0" xfId="1" applyFont="1" applyAlignment="1">
      <alignment horizontal="center" vertical="center"/>
    </xf>
    <xf numFmtId="0" fontId="8" fillId="0" borderId="0" xfId="1" applyFont="1" applyFill="1" applyBorder="1">
      <alignment vertical="center"/>
    </xf>
    <xf numFmtId="0" fontId="15" fillId="0" borderId="0" xfId="0" applyFont="1">
      <alignment vertical="center"/>
    </xf>
    <xf numFmtId="0" fontId="8" fillId="0" borderId="0" xfId="1" applyFont="1">
      <alignment vertical="center"/>
    </xf>
    <xf numFmtId="0" fontId="11" fillId="0" borderId="0" xfId="1" applyFont="1" applyAlignment="1">
      <alignment horizontal="center" vertical="center"/>
    </xf>
    <xf numFmtId="0" fontId="12" fillId="0" borderId="0" xfId="1" applyFont="1" applyAlignment="1">
      <alignment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horizontal="left" vertical="center"/>
    </xf>
    <xf numFmtId="178" fontId="6" fillId="0" borderId="14" xfId="1" applyNumberFormat="1" applyFont="1" applyFill="1" applyBorder="1" applyAlignment="1" applyProtection="1">
      <alignment horizontal="center"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horizontal="right" vertical="center"/>
    </xf>
    <xf numFmtId="177" fontId="4" fillId="0" borderId="0" xfId="0" applyNumberFormat="1" applyFont="1" applyBorder="1">
      <alignment vertical="center"/>
    </xf>
    <xf numFmtId="178" fontId="6" fillId="0" borderId="0" xfId="1" applyNumberFormat="1" applyFont="1" applyBorder="1" applyAlignment="1">
      <alignment horizontal="center" vertical="center"/>
    </xf>
    <xf numFmtId="0" fontId="4" fillId="0" borderId="5" xfId="0" applyFont="1" applyBorder="1" applyAlignment="1">
      <alignment vertical="center"/>
    </xf>
    <xf numFmtId="178" fontId="6" fillId="0" borderId="5" xfId="1" applyNumberFormat="1" applyFont="1" applyBorder="1">
      <alignment vertical="center"/>
    </xf>
    <xf numFmtId="178" fontId="6" fillId="0" borderId="5" xfId="1" applyNumberFormat="1" applyFont="1" applyFill="1" applyBorder="1">
      <alignment vertical="center"/>
    </xf>
    <xf numFmtId="0" fontId="4" fillId="0" borderId="5" xfId="0" applyFont="1" applyBorder="1">
      <alignment vertical="center"/>
    </xf>
    <xf numFmtId="0" fontId="6" fillId="0" borderId="5" xfId="1" applyFont="1" applyBorder="1">
      <alignment vertical="center"/>
    </xf>
    <xf numFmtId="0" fontId="4" fillId="0" borderId="5" xfId="0" applyFont="1" applyBorder="1" applyAlignment="1">
      <alignment horizontal="left" vertical="center"/>
    </xf>
    <xf numFmtId="178" fontId="6" fillId="0" borderId="8" xfId="1" applyNumberFormat="1" applyFont="1" applyBorder="1">
      <alignment vertical="center"/>
    </xf>
    <xf numFmtId="178" fontId="14" fillId="0" borderId="11" xfId="1" applyNumberFormat="1" applyFont="1" applyBorder="1" applyAlignment="1">
      <alignment horizontal="distributed" vertical="center" wrapText="1" justifyLastLine="1"/>
    </xf>
    <xf numFmtId="0" fontId="16" fillId="0" borderId="0" xfId="0" applyFont="1">
      <alignment vertical="center"/>
    </xf>
    <xf numFmtId="0" fontId="17" fillId="0" borderId="34" xfId="0" applyFont="1" applyBorder="1">
      <alignment vertical="center"/>
    </xf>
    <xf numFmtId="177" fontId="19" fillId="0" borderId="2" xfId="0" applyNumberFormat="1" applyFont="1" applyBorder="1">
      <alignment vertical="center"/>
    </xf>
    <xf numFmtId="0" fontId="6" fillId="0" borderId="14" xfId="1" applyFont="1" applyBorder="1" applyAlignment="1">
      <alignment horizontal="center" vertical="center"/>
    </xf>
    <xf numFmtId="0" fontId="6" fillId="0" borderId="2" xfId="1" applyFont="1" applyBorder="1" applyAlignment="1">
      <alignment horizontal="center" vertical="center"/>
    </xf>
    <xf numFmtId="0" fontId="19" fillId="0" borderId="34" xfId="0" applyFont="1" applyBorder="1">
      <alignment vertical="center"/>
    </xf>
    <xf numFmtId="0" fontId="19" fillId="0" borderId="5" xfId="0" applyFont="1" applyBorder="1">
      <alignment vertical="center"/>
    </xf>
    <xf numFmtId="0" fontId="19" fillId="0" borderId="8" xfId="0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0" fontId="19" fillId="0" borderId="47" xfId="0" applyFont="1" applyBorder="1">
      <alignment vertical="center"/>
    </xf>
    <xf numFmtId="177" fontId="4" fillId="2" borderId="48" xfId="0" applyNumberFormat="1" applyFont="1" applyFill="1" applyBorder="1" applyProtection="1">
      <alignment vertical="center"/>
      <protection locked="0"/>
    </xf>
    <xf numFmtId="0" fontId="19" fillId="0" borderId="49" xfId="0" applyFont="1" applyBorder="1">
      <alignment vertical="center"/>
    </xf>
    <xf numFmtId="177" fontId="4" fillId="2" borderId="51" xfId="0" applyNumberFormat="1" applyFont="1" applyFill="1" applyBorder="1" applyProtection="1">
      <alignment vertical="center"/>
      <protection locked="0"/>
    </xf>
    <xf numFmtId="0" fontId="19" fillId="0" borderId="50" xfId="0" applyFont="1" applyBorder="1">
      <alignment vertical="center"/>
    </xf>
    <xf numFmtId="177" fontId="4" fillId="2" borderId="52" xfId="0" applyNumberFormat="1" applyFont="1" applyFill="1" applyBorder="1" applyProtection="1">
      <alignment vertical="center"/>
      <protection locked="0"/>
    </xf>
    <xf numFmtId="178" fontId="6" fillId="0" borderId="1" xfId="1" applyNumberFormat="1" applyFont="1" applyBorder="1" applyAlignment="1">
      <alignment horizontal="center" vertical="center"/>
    </xf>
    <xf numFmtId="0" fontId="0" fillId="0" borderId="41" xfId="0" applyBorder="1" applyAlignment="1">
      <alignment vertical="center"/>
    </xf>
    <xf numFmtId="178" fontId="6" fillId="0" borderId="42" xfId="1" applyNumberFormat="1" applyFont="1" applyBorder="1" applyAlignment="1">
      <alignment horizontal="center" vertical="center"/>
    </xf>
    <xf numFmtId="0" fontId="0" fillId="0" borderId="43" xfId="0" applyBorder="1" applyAlignment="1">
      <alignment vertical="center"/>
    </xf>
    <xf numFmtId="178" fontId="6" fillId="0" borderId="34" xfId="1" applyNumberFormat="1" applyFont="1" applyBorder="1" applyAlignment="1">
      <alignment horizontal="distributed" vertical="center" justifyLastLine="1"/>
    </xf>
    <xf numFmtId="0" fontId="0" fillId="0" borderId="44" xfId="0" applyBorder="1" applyAlignment="1">
      <alignment horizontal="distributed" vertical="center" justifyLastLine="1"/>
    </xf>
    <xf numFmtId="178" fontId="6" fillId="0" borderId="5" xfId="1" applyNumberFormat="1" applyFont="1" applyBorder="1" applyAlignment="1">
      <alignment horizontal="distributed" vertical="center" justifyLastLine="1"/>
    </xf>
    <xf numFmtId="0" fontId="0" fillId="0" borderId="45" xfId="0" applyBorder="1" applyAlignment="1">
      <alignment horizontal="distributed" vertical="center" justifyLastLine="1"/>
    </xf>
    <xf numFmtId="178" fontId="6" fillId="0" borderId="8" xfId="1" applyNumberFormat="1" applyFont="1" applyBorder="1" applyAlignment="1">
      <alignment horizontal="distributed" vertical="center" justifyLastLine="1"/>
    </xf>
    <xf numFmtId="0" fontId="0" fillId="0" borderId="46" xfId="0" applyBorder="1" applyAlignment="1">
      <alignment horizontal="distributed" vertical="center" justifyLastLine="1"/>
    </xf>
    <xf numFmtId="0" fontId="13" fillId="0" borderId="35" xfId="0" applyFont="1" applyBorder="1" applyAlignment="1">
      <alignment horizontal="center" vertical="center" wrapText="1"/>
    </xf>
    <xf numFmtId="0" fontId="18" fillId="0" borderId="36" xfId="0" applyFont="1" applyBorder="1" applyAlignment="1">
      <alignment vertical="center" wrapText="1"/>
    </xf>
    <xf numFmtId="176" fontId="4" fillId="2" borderId="37" xfId="0" applyNumberFormat="1" applyFont="1" applyFill="1" applyBorder="1" applyAlignment="1" applyProtection="1">
      <alignment horizontal="center" vertical="center"/>
      <protection locked="0"/>
    </xf>
    <xf numFmtId="176" fontId="0" fillId="2" borderId="38" xfId="0" applyNumberFormat="1" applyFill="1" applyBorder="1" applyAlignment="1" applyProtection="1">
      <alignment vertical="center"/>
      <protection locked="0"/>
    </xf>
    <xf numFmtId="0" fontId="6" fillId="0" borderId="39" xfId="1" applyFont="1" applyBorder="1" applyAlignment="1">
      <alignment horizontal="center" vertical="center"/>
    </xf>
    <xf numFmtId="0" fontId="0" fillId="0" borderId="39" xfId="0" applyBorder="1" applyAlignment="1">
      <alignment vertical="center"/>
    </xf>
    <xf numFmtId="0" fontId="16" fillId="0" borderId="40" xfId="0" applyFont="1" applyBorder="1" applyAlignment="1">
      <alignment horizontal="center" vertical="center"/>
    </xf>
    <xf numFmtId="0" fontId="0" fillId="0" borderId="40" xfId="0" applyBorder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57"/>
  <sheetViews>
    <sheetView tabSelected="1" zoomScaleNormal="100" workbookViewId="0">
      <selection activeCell="A2" sqref="A2"/>
    </sheetView>
  </sheetViews>
  <sheetFormatPr defaultRowHeight="14"/>
  <cols>
    <col min="1" max="1" width="15.6640625" customWidth="1"/>
    <col min="2" max="2" width="7.9140625" customWidth="1"/>
    <col min="3" max="3" width="1.58203125" customWidth="1"/>
    <col min="4" max="4" width="11.4140625" customWidth="1"/>
    <col min="5" max="5" width="8" customWidth="1"/>
    <col min="6" max="6" width="1.58203125" customWidth="1"/>
    <col min="7" max="7" width="25.58203125" customWidth="1"/>
    <col min="8" max="8" width="8.58203125" customWidth="1"/>
  </cols>
  <sheetData>
    <row r="1" spans="1:8" ht="14.5" thickBot="1">
      <c r="A1">
        <v>2025</v>
      </c>
      <c r="B1" s="66" t="s">
        <v>79</v>
      </c>
      <c r="C1" s="65"/>
      <c r="D1" s="65" t="s">
        <v>76</v>
      </c>
      <c r="E1" s="111"/>
      <c r="F1" s="112"/>
      <c r="G1" s="112"/>
      <c r="H1" s="112"/>
    </row>
    <row r="2" spans="1:8" ht="9.9" customHeight="1"/>
    <row r="3" spans="1:8">
      <c r="H3" s="1" t="s">
        <v>0</v>
      </c>
    </row>
    <row r="4" spans="1:8">
      <c r="A4" s="2" t="s">
        <v>1</v>
      </c>
      <c r="B4" s="3" t="s">
        <v>2</v>
      </c>
      <c r="D4" s="4" t="s">
        <v>3</v>
      </c>
      <c r="E4" s="3" t="s">
        <v>2</v>
      </c>
      <c r="F4" s="5"/>
      <c r="G4" s="105" t="s">
        <v>4</v>
      </c>
      <c r="H4" s="107"/>
    </row>
    <row r="5" spans="1:8">
      <c r="A5" s="6" t="s">
        <v>5</v>
      </c>
      <c r="B5" s="7"/>
      <c r="D5" s="8" t="s">
        <v>6</v>
      </c>
      <c r="E5" s="9"/>
      <c r="F5" s="10"/>
      <c r="G5" s="106"/>
      <c r="H5" s="108"/>
    </row>
    <row r="6" spans="1:8">
      <c r="A6" s="11" t="s">
        <v>7</v>
      </c>
      <c r="B6" s="12"/>
      <c r="D6" s="13" t="s">
        <v>8</v>
      </c>
      <c r="E6" s="14"/>
      <c r="F6" s="10"/>
      <c r="G6" s="10"/>
      <c r="H6" s="10"/>
    </row>
    <row r="7" spans="1:8">
      <c r="A7" s="11" t="s">
        <v>9</v>
      </c>
      <c r="B7" s="12"/>
      <c r="D7" s="15" t="s">
        <v>10</v>
      </c>
      <c r="E7" s="16"/>
      <c r="F7" s="10"/>
      <c r="G7" s="10" t="s">
        <v>95</v>
      </c>
      <c r="H7" s="10"/>
    </row>
    <row r="8" spans="1:8">
      <c r="A8" s="11" t="s">
        <v>11</v>
      </c>
      <c r="B8" s="12"/>
      <c r="D8" s="2" t="s">
        <v>12</v>
      </c>
      <c r="E8" s="17">
        <f>SUM(E5:E7)</f>
        <v>0</v>
      </c>
      <c r="F8" s="18"/>
      <c r="G8" s="2" t="s">
        <v>80</v>
      </c>
      <c r="H8" s="3" t="s">
        <v>81</v>
      </c>
    </row>
    <row r="9" spans="1:8">
      <c r="A9" s="19" t="s">
        <v>13</v>
      </c>
      <c r="B9" s="20"/>
      <c r="G9" s="81" t="s">
        <v>82</v>
      </c>
      <c r="H9" s="56"/>
    </row>
    <row r="10" spans="1:8">
      <c r="A10" s="2" t="s">
        <v>12</v>
      </c>
      <c r="B10" s="21">
        <f>SUM(B5:B9)</f>
        <v>0</v>
      </c>
      <c r="D10" s="22" t="s">
        <v>14</v>
      </c>
      <c r="E10" s="3" t="s">
        <v>2</v>
      </c>
      <c r="F10" s="5"/>
      <c r="G10" s="72" t="s">
        <v>110</v>
      </c>
      <c r="H10" s="57"/>
    </row>
    <row r="11" spans="1:8">
      <c r="D11" s="23" t="s">
        <v>15</v>
      </c>
      <c r="E11" s="24"/>
      <c r="F11" s="25"/>
      <c r="G11" s="73" t="s">
        <v>90</v>
      </c>
      <c r="H11" s="57"/>
    </row>
    <row r="12" spans="1:8">
      <c r="A12" s="26" t="s">
        <v>16</v>
      </c>
      <c r="B12" s="3" t="s">
        <v>2</v>
      </c>
      <c r="C12" s="27"/>
      <c r="D12" s="28" t="s">
        <v>17</v>
      </c>
      <c r="E12" s="29"/>
      <c r="F12" s="25"/>
      <c r="G12" s="73" t="s">
        <v>83</v>
      </c>
      <c r="H12" s="57"/>
    </row>
    <row r="13" spans="1:8">
      <c r="A13" s="30" t="s">
        <v>18</v>
      </c>
      <c r="B13" s="31"/>
      <c r="C13" s="27"/>
      <c r="D13" s="32" t="s">
        <v>19</v>
      </c>
      <c r="E13" s="33"/>
      <c r="F13" s="25"/>
      <c r="G13" s="73" t="s">
        <v>114</v>
      </c>
      <c r="H13" s="57"/>
    </row>
    <row r="14" spans="1:8">
      <c r="A14" s="34" t="s">
        <v>20</v>
      </c>
      <c r="B14" s="35"/>
      <c r="C14" s="36"/>
      <c r="D14" s="37" t="s">
        <v>21</v>
      </c>
      <c r="E14" s="38"/>
      <c r="F14" s="39"/>
      <c r="G14" s="73" t="s">
        <v>84</v>
      </c>
      <c r="H14" s="57"/>
    </row>
    <row r="15" spans="1:8">
      <c r="A15" s="34" t="s">
        <v>22</v>
      </c>
      <c r="B15" s="35"/>
      <c r="C15" s="25"/>
      <c r="D15" s="28" t="s">
        <v>23</v>
      </c>
      <c r="E15" s="29"/>
      <c r="F15" s="25"/>
      <c r="G15" s="74" t="s">
        <v>85</v>
      </c>
      <c r="H15" s="57"/>
    </row>
    <row r="16" spans="1:8">
      <c r="A16" s="34" t="s">
        <v>24</v>
      </c>
      <c r="B16" s="35"/>
      <c r="C16" s="25"/>
      <c r="D16" s="28" t="s">
        <v>25</v>
      </c>
      <c r="E16" s="29"/>
      <c r="F16" s="25"/>
      <c r="G16" s="73" t="s">
        <v>111</v>
      </c>
      <c r="H16" s="57"/>
    </row>
    <row r="17" spans="1:8">
      <c r="A17" s="34" t="s">
        <v>26</v>
      </c>
      <c r="B17" s="35"/>
      <c r="C17" s="25"/>
      <c r="D17" s="28" t="s">
        <v>27</v>
      </c>
      <c r="E17" s="29"/>
      <c r="F17" s="25"/>
      <c r="G17" s="73" t="s">
        <v>86</v>
      </c>
      <c r="H17" s="57"/>
    </row>
    <row r="18" spans="1:8">
      <c r="A18" s="34" t="s">
        <v>28</v>
      </c>
      <c r="B18" s="35"/>
      <c r="C18" s="25"/>
      <c r="D18" s="28" t="s">
        <v>29</v>
      </c>
      <c r="E18" s="29"/>
      <c r="F18" s="25"/>
      <c r="G18" s="73" t="s">
        <v>112</v>
      </c>
      <c r="H18" s="57"/>
    </row>
    <row r="19" spans="1:8">
      <c r="A19" s="40" t="s">
        <v>30</v>
      </c>
      <c r="B19" s="41"/>
      <c r="C19" s="25"/>
      <c r="D19" s="42" t="s">
        <v>31</v>
      </c>
      <c r="E19" s="43"/>
      <c r="F19" s="25"/>
      <c r="G19" s="73" t="s">
        <v>87</v>
      </c>
      <c r="H19" s="57"/>
    </row>
    <row r="20" spans="1:8">
      <c r="A20" s="2" t="s">
        <v>12</v>
      </c>
      <c r="B20" s="21">
        <f>SUM(B13:B19)</f>
        <v>0</v>
      </c>
      <c r="C20" s="25"/>
      <c r="D20" s="2" t="s">
        <v>12</v>
      </c>
      <c r="E20" s="21">
        <f>SUM(E11:E19)</f>
        <v>0</v>
      </c>
      <c r="F20" s="18"/>
      <c r="G20" s="73" t="s">
        <v>88</v>
      </c>
      <c r="H20" s="57"/>
    </row>
    <row r="21" spans="1:8">
      <c r="A21" s="27"/>
      <c r="B21" s="44" t="s">
        <v>32</v>
      </c>
      <c r="C21" s="25"/>
      <c r="D21" s="45"/>
      <c r="E21" s="46"/>
      <c r="F21" s="46"/>
      <c r="G21" s="75" t="s">
        <v>89</v>
      </c>
      <c r="H21" s="57"/>
    </row>
    <row r="22" spans="1:8">
      <c r="A22" s="67" t="s">
        <v>33</v>
      </c>
      <c r="B22" s="3" t="s">
        <v>2</v>
      </c>
      <c r="C22" s="25"/>
      <c r="D22" s="79" t="s">
        <v>104</v>
      </c>
      <c r="E22" s="3" t="s">
        <v>2</v>
      </c>
      <c r="F22" s="5"/>
      <c r="G22" s="76" t="s">
        <v>91</v>
      </c>
      <c r="H22" s="57"/>
    </row>
    <row r="23" spans="1:8">
      <c r="A23" s="30" t="s">
        <v>34</v>
      </c>
      <c r="B23" s="24"/>
      <c r="C23" s="44"/>
      <c r="D23" s="23" t="s">
        <v>35</v>
      </c>
      <c r="E23" s="24"/>
      <c r="F23" s="25"/>
      <c r="G23" s="77" t="s">
        <v>92</v>
      </c>
      <c r="H23" s="57"/>
    </row>
    <row r="24" spans="1:8">
      <c r="A24" s="34" t="s">
        <v>36</v>
      </c>
      <c r="B24" s="29"/>
      <c r="C24" s="36"/>
      <c r="D24" s="28" t="s">
        <v>37</v>
      </c>
      <c r="E24" s="29"/>
      <c r="F24" s="25"/>
      <c r="G24" s="73" t="s">
        <v>93</v>
      </c>
      <c r="H24" s="57"/>
    </row>
    <row r="25" spans="1:8">
      <c r="A25" s="34" t="s">
        <v>38</v>
      </c>
      <c r="B25" s="29"/>
      <c r="C25" s="25"/>
      <c r="D25" s="28" t="s">
        <v>39</v>
      </c>
      <c r="E25" s="29"/>
      <c r="F25" s="25"/>
      <c r="G25" s="73" t="s">
        <v>94</v>
      </c>
      <c r="H25" s="57"/>
    </row>
    <row r="26" spans="1:8">
      <c r="A26" s="34" t="s">
        <v>40</v>
      </c>
      <c r="B26" s="29"/>
      <c r="C26" s="25"/>
      <c r="D26" s="28" t="s">
        <v>41</v>
      </c>
      <c r="E26" s="29"/>
      <c r="F26" s="25"/>
      <c r="G26" s="73" t="s">
        <v>113</v>
      </c>
      <c r="H26" s="57"/>
    </row>
    <row r="27" spans="1:8">
      <c r="A27" s="47" t="s">
        <v>42</v>
      </c>
      <c r="B27" s="29"/>
      <c r="C27" s="25"/>
      <c r="D27" s="28" t="s">
        <v>43</v>
      </c>
      <c r="E27" s="29"/>
      <c r="F27" s="25"/>
      <c r="G27" s="73" t="s">
        <v>96</v>
      </c>
      <c r="H27" s="57"/>
    </row>
    <row r="28" spans="1:8">
      <c r="A28" s="34" t="s">
        <v>44</v>
      </c>
      <c r="B28" s="29"/>
      <c r="C28" s="25"/>
      <c r="D28" s="28" t="s">
        <v>45</v>
      </c>
      <c r="E28" s="29"/>
      <c r="F28" s="25"/>
      <c r="G28" s="73" t="s">
        <v>97</v>
      </c>
      <c r="H28" s="57"/>
    </row>
    <row r="29" spans="1:8">
      <c r="A29" s="34" t="s">
        <v>46</v>
      </c>
      <c r="B29" s="29"/>
      <c r="C29" s="25"/>
      <c r="D29" s="28" t="s">
        <v>47</v>
      </c>
      <c r="E29" s="29"/>
      <c r="F29" s="25"/>
      <c r="G29" s="73" t="s">
        <v>98</v>
      </c>
      <c r="H29" s="57"/>
    </row>
    <row r="30" spans="1:8">
      <c r="A30" s="34" t="s">
        <v>48</v>
      </c>
      <c r="B30" s="29"/>
      <c r="C30" s="25"/>
      <c r="D30" s="28" t="s">
        <v>49</v>
      </c>
      <c r="E30" s="29"/>
      <c r="F30" s="25"/>
      <c r="G30" s="73" t="s">
        <v>99</v>
      </c>
      <c r="H30" s="57"/>
    </row>
    <row r="31" spans="1:8">
      <c r="A31" s="40" t="s">
        <v>31</v>
      </c>
      <c r="B31" s="43"/>
      <c r="C31" s="25"/>
      <c r="D31" s="28" t="s">
        <v>50</v>
      </c>
      <c r="E31" s="29"/>
      <c r="F31" s="25"/>
      <c r="G31" s="73" t="s">
        <v>100</v>
      </c>
      <c r="H31" s="57"/>
    </row>
    <row r="32" spans="1:8">
      <c r="A32" s="2" t="s">
        <v>12</v>
      </c>
      <c r="B32" s="21">
        <f>SUM(B23:B31)</f>
        <v>0</v>
      </c>
      <c r="C32" s="44"/>
      <c r="D32" s="28" t="s">
        <v>51</v>
      </c>
      <c r="E32" s="29"/>
      <c r="F32" s="25"/>
      <c r="G32" s="73" t="s">
        <v>101</v>
      </c>
      <c r="H32" s="57"/>
    </row>
    <row r="33" spans="1:8">
      <c r="A33" s="27"/>
      <c r="B33" s="44" t="s">
        <v>52</v>
      </c>
      <c r="C33" s="36"/>
      <c r="D33" s="28" t="s">
        <v>53</v>
      </c>
      <c r="E33" s="29"/>
      <c r="F33" s="25"/>
      <c r="G33" s="73" t="s">
        <v>102</v>
      </c>
      <c r="H33" s="57"/>
    </row>
    <row r="34" spans="1:8">
      <c r="A34" s="48" t="s">
        <v>54</v>
      </c>
      <c r="B34" s="3" t="s">
        <v>2</v>
      </c>
      <c r="C34" s="25"/>
      <c r="D34" s="28" t="s">
        <v>55</v>
      </c>
      <c r="E34" s="29"/>
      <c r="F34" s="25"/>
      <c r="G34" s="73" t="s">
        <v>103</v>
      </c>
      <c r="H34" s="57"/>
    </row>
    <row r="35" spans="1:8">
      <c r="A35" s="49" t="s">
        <v>56</v>
      </c>
      <c r="B35" s="24"/>
      <c r="C35" s="25"/>
      <c r="D35" s="50" t="s">
        <v>57</v>
      </c>
      <c r="E35" s="51"/>
      <c r="F35" s="25"/>
      <c r="G35" s="78" t="s">
        <v>115</v>
      </c>
      <c r="H35" s="58"/>
    </row>
    <row r="36" spans="1:8">
      <c r="A36" s="52" t="s">
        <v>58</v>
      </c>
      <c r="B36" s="29"/>
      <c r="C36" s="53"/>
      <c r="D36" s="54" t="s">
        <v>30</v>
      </c>
      <c r="E36" s="55"/>
      <c r="F36" s="25"/>
      <c r="G36" s="2" t="s">
        <v>12</v>
      </c>
      <c r="H36" s="21">
        <f>SUM(H9:H35)</f>
        <v>0</v>
      </c>
    </row>
    <row r="37" spans="1:8">
      <c r="A37" s="52" t="s">
        <v>59</v>
      </c>
      <c r="B37" s="29"/>
      <c r="C37" s="25"/>
      <c r="D37" s="2" t="s">
        <v>12</v>
      </c>
      <c r="E37" s="21">
        <f>SUM(E23:E36)</f>
        <v>0</v>
      </c>
      <c r="F37" s="18"/>
    </row>
    <row r="38" spans="1:8">
      <c r="A38" s="52" t="s">
        <v>60</v>
      </c>
      <c r="B38" s="29"/>
      <c r="C38" s="27"/>
      <c r="D38" s="27"/>
      <c r="E38" s="27"/>
      <c r="F38" s="27"/>
      <c r="G38" s="18" t="s">
        <v>116</v>
      </c>
      <c r="H38" s="18"/>
    </row>
    <row r="39" spans="1:8">
      <c r="A39" s="52" t="s">
        <v>61</v>
      </c>
      <c r="B39" s="29"/>
      <c r="C39" s="27"/>
      <c r="G39" s="83" t="s">
        <v>105</v>
      </c>
      <c r="H39" s="84" t="s">
        <v>106</v>
      </c>
    </row>
    <row r="40" spans="1:8">
      <c r="A40" s="40" t="s">
        <v>31</v>
      </c>
      <c r="B40" s="43"/>
      <c r="C40" s="27"/>
      <c r="G40" s="85"/>
      <c r="H40" s="57"/>
    </row>
    <row r="41" spans="1:8">
      <c r="A41" s="2" t="s">
        <v>12</v>
      </c>
      <c r="B41" s="21">
        <f>SUM(B35:B40)</f>
        <v>0</v>
      </c>
      <c r="C41" s="27"/>
      <c r="G41" s="86"/>
      <c r="H41" s="57"/>
    </row>
    <row r="42" spans="1:8">
      <c r="A42" s="25"/>
      <c r="B42" s="25"/>
      <c r="C42" s="27"/>
      <c r="G42" s="87"/>
      <c r="H42" s="57"/>
    </row>
    <row r="43" spans="1:8">
      <c r="A43" s="109" t="s">
        <v>62</v>
      </c>
      <c r="B43" s="109"/>
      <c r="C43" s="109" t="s">
        <v>63</v>
      </c>
      <c r="D43" s="110"/>
      <c r="E43" s="110"/>
      <c r="G43" s="88" t="s">
        <v>107</v>
      </c>
      <c r="H43" s="82">
        <f>SUM(H40:H42)</f>
        <v>0</v>
      </c>
    </row>
    <row r="44" spans="1:8">
      <c r="A44" s="26" t="s">
        <v>64</v>
      </c>
      <c r="B44" s="3" t="s">
        <v>2</v>
      </c>
      <c r="C44" s="97" t="s">
        <v>64</v>
      </c>
      <c r="D44" s="98"/>
      <c r="E44" s="3" t="s">
        <v>2</v>
      </c>
    </row>
    <row r="45" spans="1:8">
      <c r="A45" s="30" t="s">
        <v>65</v>
      </c>
      <c r="B45" s="24"/>
      <c r="C45" s="99" t="s">
        <v>65</v>
      </c>
      <c r="D45" s="100"/>
      <c r="E45" s="56"/>
    </row>
    <row r="46" spans="1:8">
      <c r="A46" s="34" t="s">
        <v>66</v>
      </c>
      <c r="B46" s="29"/>
      <c r="C46" s="101" t="s">
        <v>66</v>
      </c>
      <c r="D46" s="102"/>
      <c r="E46" s="57"/>
      <c r="F46" s="71"/>
    </row>
    <row r="47" spans="1:8">
      <c r="A47" s="34" t="s">
        <v>67</v>
      </c>
      <c r="B47" s="29"/>
      <c r="C47" s="101" t="s">
        <v>67</v>
      </c>
      <c r="D47" s="102"/>
      <c r="E47" s="57"/>
      <c r="F47" s="71"/>
    </row>
    <row r="48" spans="1:8">
      <c r="A48" s="40" t="s">
        <v>68</v>
      </c>
      <c r="B48" s="43"/>
      <c r="C48" s="103" t="s">
        <v>69</v>
      </c>
      <c r="D48" s="104"/>
      <c r="E48" s="58"/>
      <c r="F48" s="71"/>
    </row>
    <row r="49" spans="1:8">
      <c r="A49" s="2" t="s">
        <v>12</v>
      </c>
      <c r="B49" s="21">
        <f>SUM(B45:B48)</f>
        <v>0</v>
      </c>
      <c r="C49" s="95" t="s">
        <v>70</v>
      </c>
      <c r="D49" s="96"/>
      <c r="E49" s="21">
        <f>SUM(E45:E48)</f>
        <v>0</v>
      </c>
      <c r="F49" s="71"/>
    </row>
    <row r="50" spans="1:8">
      <c r="D50" s="5"/>
      <c r="E50" s="70"/>
      <c r="F50" s="71"/>
    </row>
    <row r="51" spans="1:8" ht="9.9" customHeight="1">
      <c r="A51" s="80" t="s">
        <v>71</v>
      </c>
      <c r="D51" s="59"/>
      <c r="E51" s="60"/>
      <c r="F51" s="60"/>
      <c r="G51" s="60"/>
      <c r="H51" s="60"/>
    </row>
    <row r="52" spans="1:8" ht="9.9" customHeight="1">
      <c r="A52" s="61" t="s">
        <v>72</v>
      </c>
      <c r="D52" s="59"/>
      <c r="E52" s="62"/>
      <c r="F52" s="62"/>
      <c r="G52" s="62"/>
      <c r="H52" s="62"/>
    </row>
    <row r="53" spans="1:8" ht="9.9" customHeight="1">
      <c r="A53" s="61" t="s">
        <v>73</v>
      </c>
      <c r="D53" s="63"/>
      <c r="E53" s="64"/>
      <c r="F53" s="64"/>
      <c r="G53" s="64"/>
      <c r="H53" s="64"/>
    </row>
    <row r="54" spans="1:8" ht="9.9" customHeight="1">
      <c r="A54" s="61" t="s">
        <v>74</v>
      </c>
      <c r="D54" s="60"/>
      <c r="E54" s="60"/>
      <c r="F54" s="60"/>
      <c r="G54" s="60"/>
      <c r="H54" s="60"/>
    </row>
    <row r="55" spans="1:8" ht="9.9" customHeight="1">
      <c r="A55" s="61" t="s">
        <v>75</v>
      </c>
      <c r="D55" s="27"/>
      <c r="E55" s="60"/>
      <c r="F55" s="60"/>
      <c r="G55" s="60"/>
      <c r="H55" s="60"/>
    </row>
    <row r="56" spans="1:8" ht="9.9" customHeight="1">
      <c r="A56" s="80" t="s">
        <v>77</v>
      </c>
    </row>
    <row r="57" spans="1:8" ht="9.9" customHeight="1">
      <c r="A57" s="61" t="s">
        <v>78</v>
      </c>
    </row>
  </sheetData>
  <mergeCells count="11">
    <mergeCell ref="G4:G5"/>
    <mergeCell ref="H4:H5"/>
    <mergeCell ref="A43:B43"/>
    <mergeCell ref="C43:E43"/>
    <mergeCell ref="E1:H1"/>
    <mergeCell ref="C49:D49"/>
    <mergeCell ref="C44:D44"/>
    <mergeCell ref="C45:D45"/>
    <mergeCell ref="C46:D46"/>
    <mergeCell ref="C47:D47"/>
    <mergeCell ref="C48:D48"/>
  </mergeCells>
  <phoneticPr fontId="1"/>
  <dataValidations count="1">
    <dataValidation imeMode="off" allowBlank="1" showInputMessage="1" showErrorMessage="1" sqref="E11:E19 B23:B31 B35:B40 B5:B9 E5:E7 B45:B48 E23:E36 B13:B19 E45:E48 H40:H42 H9:H35" xr:uid="{00000000-0002-0000-0000-000000000000}"/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H57"/>
  <sheetViews>
    <sheetView zoomScaleNormal="100" workbookViewId="0"/>
  </sheetViews>
  <sheetFormatPr defaultRowHeight="14"/>
  <cols>
    <col min="1" max="1" width="15.6640625" customWidth="1"/>
    <col min="2" max="2" width="7.9140625" customWidth="1"/>
    <col min="3" max="3" width="1.58203125" customWidth="1"/>
    <col min="4" max="4" width="11.4140625" customWidth="1"/>
    <col min="5" max="5" width="8" customWidth="1"/>
    <col min="6" max="6" width="1.58203125" customWidth="1"/>
    <col min="7" max="7" width="25.58203125" customWidth="1"/>
    <col min="8" max="8" width="8.58203125" customWidth="1"/>
  </cols>
  <sheetData>
    <row r="1" spans="1:8" ht="14.5" thickBot="1">
      <c r="A1">
        <f>'4月'!$A$1</f>
        <v>2025</v>
      </c>
      <c r="B1" s="68" t="s">
        <v>108</v>
      </c>
      <c r="C1" s="69"/>
      <c r="D1" s="69" t="s">
        <v>76</v>
      </c>
      <c r="E1" s="111">
        <f>'4月'!$E$1</f>
        <v>0</v>
      </c>
      <c r="F1" s="112"/>
      <c r="G1" s="112"/>
      <c r="H1" s="112"/>
    </row>
    <row r="2" spans="1:8" ht="9.9" customHeight="1"/>
    <row r="3" spans="1:8">
      <c r="H3" s="1" t="s">
        <v>0</v>
      </c>
    </row>
    <row r="4" spans="1:8">
      <c r="A4" s="2" t="s">
        <v>1</v>
      </c>
      <c r="B4" s="3" t="s">
        <v>2</v>
      </c>
      <c r="D4" s="4" t="s">
        <v>3</v>
      </c>
      <c r="E4" s="3" t="s">
        <v>2</v>
      </c>
      <c r="F4" s="5"/>
      <c r="G4" s="105" t="s">
        <v>4</v>
      </c>
      <c r="H4" s="107"/>
    </row>
    <row r="5" spans="1:8">
      <c r="A5" s="6" t="s">
        <v>5</v>
      </c>
      <c r="B5" s="7"/>
      <c r="D5" s="8" t="s">
        <v>6</v>
      </c>
      <c r="E5" s="9"/>
      <c r="F5" s="10"/>
      <c r="G5" s="106"/>
      <c r="H5" s="108"/>
    </row>
    <row r="6" spans="1:8">
      <c r="A6" s="11" t="s">
        <v>7</v>
      </c>
      <c r="B6" s="12"/>
      <c r="D6" s="13" t="s">
        <v>8</v>
      </c>
      <c r="E6" s="14"/>
      <c r="F6" s="10"/>
      <c r="G6" s="10"/>
      <c r="H6" s="10"/>
    </row>
    <row r="7" spans="1:8">
      <c r="A7" s="11" t="s">
        <v>9</v>
      </c>
      <c r="B7" s="12"/>
      <c r="D7" s="15" t="s">
        <v>10</v>
      </c>
      <c r="E7" s="16"/>
      <c r="F7" s="10"/>
      <c r="G7" s="10" t="s">
        <v>95</v>
      </c>
      <c r="H7" s="10"/>
    </row>
    <row r="8" spans="1:8">
      <c r="A8" s="11" t="s">
        <v>11</v>
      </c>
      <c r="B8" s="12"/>
      <c r="D8" s="2" t="s">
        <v>12</v>
      </c>
      <c r="E8" s="17">
        <f>SUM(E5:E7)</f>
        <v>0</v>
      </c>
      <c r="F8" s="18"/>
      <c r="G8" s="2" t="s">
        <v>80</v>
      </c>
      <c r="H8" s="3" t="s">
        <v>81</v>
      </c>
    </row>
    <row r="9" spans="1:8">
      <c r="A9" s="19" t="s">
        <v>13</v>
      </c>
      <c r="B9" s="20"/>
      <c r="G9" s="81" t="s">
        <v>82</v>
      </c>
      <c r="H9" s="56"/>
    </row>
    <row r="10" spans="1:8">
      <c r="A10" s="2" t="s">
        <v>12</v>
      </c>
      <c r="B10" s="21">
        <f>SUM(B5:B9)</f>
        <v>0</v>
      </c>
      <c r="D10" s="22" t="s">
        <v>14</v>
      </c>
      <c r="E10" s="3" t="s">
        <v>2</v>
      </c>
      <c r="F10" s="5"/>
      <c r="G10" s="72" t="s">
        <v>110</v>
      </c>
      <c r="H10" s="57"/>
    </row>
    <row r="11" spans="1:8">
      <c r="D11" s="23" t="s">
        <v>15</v>
      </c>
      <c r="E11" s="24"/>
      <c r="F11" s="25"/>
      <c r="G11" s="73" t="s">
        <v>90</v>
      </c>
      <c r="H11" s="57"/>
    </row>
    <row r="12" spans="1:8">
      <c r="A12" s="26" t="s">
        <v>16</v>
      </c>
      <c r="B12" s="3" t="s">
        <v>2</v>
      </c>
      <c r="C12" s="27"/>
      <c r="D12" s="28" t="s">
        <v>17</v>
      </c>
      <c r="E12" s="29"/>
      <c r="F12" s="25"/>
      <c r="G12" s="73" t="s">
        <v>83</v>
      </c>
      <c r="H12" s="57"/>
    </row>
    <row r="13" spans="1:8">
      <c r="A13" s="30" t="s">
        <v>18</v>
      </c>
      <c r="B13" s="31"/>
      <c r="C13" s="27"/>
      <c r="D13" s="32" t="s">
        <v>19</v>
      </c>
      <c r="E13" s="33"/>
      <c r="F13" s="25"/>
      <c r="G13" s="73" t="s">
        <v>114</v>
      </c>
      <c r="H13" s="57"/>
    </row>
    <row r="14" spans="1:8">
      <c r="A14" s="34" t="s">
        <v>20</v>
      </c>
      <c r="B14" s="35"/>
      <c r="C14" s="36"/>
      <c r="D14" s="37" t="s">
        <v>21</v>
      </c>
      <c r="E14" s="38"/>
      <c r="F14" s="39"/>
      <c r="G14" s="73" t="s">
        <v>84</v>
      </c>
      <c r="H14" s="57"/>
    </row>
    <row r="15" spans="1:8">
      <c r="A15" s="34" t="s">
        <v>22</v>
      </c>
      <c r="B15" s="35"/>
      <c r="C15" s="25"/>
      <c r="D15" s="28" t="s">
        <v>23</v>
      </c>
      <c r="E15" s="29"/>
      <c r="F15" s="25"/>
      <c r="G15" s="74" t="s">
        <v>85</v>
      </c>
      <c r="H15" s="57"/>
    </row>
    <row r="16" spans="1:8">
      <c r="A16" s="34" t="s">
        <v>24</v>
      </c>
      <c r="B16" s="35"/>
      <c r="C16" s="25"/>
      <c r="D16" s="28" t="s">
        <v>25</v>
      </c>
      <c r="E16" s="29"/>
      <c r="F16" s="25"/>
      <c r="G16" s="73" t="s">
        <v>111</v>
      </c>
      <c r="H16" s="57"/>
    </row>
    <row r="17" spans="1:8">
      <c r="A17" s="34" t="s">
        <v>26</v>
      </c>
      <c r="B17" s="35"/>
      <c r="C17" s="25"/>
      <c r="D17" s="28" t="s">
        <v>27</v>
      </c>
      <c r="E17" s="29"/>
      <c r="F17" s="25"/>
      <c r="G17" s="73" t="s">
        <v>86</v>
      </c>
      <c r="H17" s="57"/>
    </row>
    <row r="18" spans="1:8">
      <c r="A18" s="34" t="s">
        <v>28</v>
      </c>
      <c r="B18" s="35"/>
      <c r="C18" s="25"/>
      <c r="D18" s="28" t="s">
        <v>29</v>
      </c>
      <c r="E18" s="29"/>
      <c r="F18" s="25"/>
      <c r="G18" s="73" t="s">
        <v>112</v>
      </c>
      <c r="H18" s="57"/>
    </row>
    <row r="19" spans="1:8">
      <c r="A19" s="40" t="s">
        <v>30</v>
      </c>
      <c r="B19" s="41"/>
      <c r="C19" s="25"/>
      <c r="D19" s="42" t="s">
        <v>31</v>
      </c>
      <c r="E19" s="43"/>
      <c r="F19" s="25"/>
      <c r="G19" s="73" t="s">
        <v>87</v>
      </c>
      <c r="H19" s="57"/>
    </row>
    <row r="20" spans="1:8">
      <c r="A20" s="2" t="s">
        <v>12</v>
      </c>
      <c r="B20" s="21">
        <f>SUM(B13:B19)</f>
        <v>0</v>
      </c>
      <c r="C20" s="25"/>
      <c r="D20" s="2" t="s">
        <v>12</v>
      </c>
      <c r="E20" s="21">
        <f>SUM(E11:E19)</f>
        <v>0</v>
      </c>
      <c r="F20" s="18"/>
      <c r="G20" s="73" t="s">
        <v>88</v>
      </c>
      <c r="H20" s="57"/>
    </row>
    <row r="21" spans="1:8">
      <c r="A21" s="27"/>
      <c r="B21" s="44" t="s">
        <v>32</v>
      </c>
      <c r="C21" s="25"/>
      <c r="D21" s="45"/>
      <c r="E21" s="46"/>
      <c r="F21" s="46"/>
      <c r="G21" s="75" t="s">
        <v>89</v>
      </c>
      <c r="H21" s="57"/>
    </row>
    <row r="22" spans="1:8">
      <c r="A22" s="67" t="s">
        <v>33</v>
      </c>
      <c r="B22" s="3" t="s">
        <v>2</v>
      </c>
      <c r="C22" s="25"/>
      <c r="D22" s="79" t="s">
        <v>104</v>
      </c>
      <c r="E22" s="3" t="s">
        <v>2</v>
      </c>
      <c r="F22" s="5"/>
      <c r="G22" s="76" t="s">
        <v>91</v>
      </c>
      <c r="H22" s="57"/>
    </row>
    <row r="23" spans="1:8">
      <c r="A23" s="30" t="s">
        <v>34</v>
      </c>
      <c r="B23" s="24"/>
      <c r="C23" s="44"/>
      <c r="D23" s="23" t="s">
        <v>35</v>
      </c>
      <c r="E23" s="24"/>
      <c r="F23" s="25"/>
      <c r="G23" s="77" t="s">
        <v>92</v>
      </c>
      <c r="H23" s="57"/>
    </row>
    <row r="24" spans="1:8">
      <c r="A24" s="34" t="s">
        <v>36</v>
      </c>
      <c r="B24" s="29"/>
      <c r="C24" s="36"/>
      <c r="D24" s="28" t="s">
        <v>37</v>
      </c>
      <c r="E24" s="29"/>
      <c r="F24" s="25"/>
      <c r="G24" s="73" t="s">
        <v>93</v>
      </c>
      <c r="H24" s="57"/>
    </row>
    <row r="25" spans="1:8">
      <c r="A25" s="34" t="s">
        <v>38</v>
      </c>
      <c r="B25" s="29"/>
      <c r="C25" s="25"/>
      <c r="D25" s="28" t="s">
        <v>39</v>
      </c>
      <c r="E25" s="29"/>
      <c r="F25" s="25"/>
      <c r="G25" s="73" t="s">
        <v>94</v>
      </c>
      <c r="H25" s="57"/>
    </row>
    <row r="26" spans="1:8">
      <c r="A26" s="34" t="s">
        <v>40</v>
      </c>
      <c r="B26" s="29"/>
      <c r="C26" s="25"/>
      <c r="D26" s="28" t="s">
        <v>41</v>
      </c>
      <c r="E26" s="29"/>
      <c r="F26" s="25"/>
      <c r="G26" s="73" t="s">
        <v>113</v>
      </c>
      <c r="H26" s="57"/>
    </row>
    <row r="27" spans="1:8">
      <c r="A27" s="47" t="s">
        <v>42</v>
      </c>
      <c r="B27" s="29"/>
      <c r="C27" s="25"/>
      <c r="D27" s="28" t="s">
        <v>43</v>
      </c>
      <c r="E27" s="29"/>
      <c r="F27" s="25"/>
      <c r="G27" s="73" t="s">
        <v>96</v>
      </c>
      <c r="H27" s="57"/>
    </row>
    <row r="28" spans="1:8">
      <c r="A28" s="34" t="s">
        <v>44</v>
      </c>
      <c r="B28" s="29"/>
      <c r="C28" s="25"/>
      <c r="D28" s="28" t="s">
        <v>45</v>
      </c>
      <c r="E28" s="29"/>
      <c r="F28" s="25"/>
      <c r="G28" s="73" t="s">
        <v>97</v>
      </c>
      <c r="H28" s="57"/>
    </row>
    <row r="29" spans="1:8">
      <c r="A29" s="34" t="s">
        <v>46</v>
      </c>
      <c r="B29" s="29"/>
      <c r="C29" s="25"/>
      <c r="D29" s="28" t="s">
        <v>47</v>
      </c>
      <c r="E29" s="29"/>
      <c r="F29" s="25"/>
      <c r="G29" s="73" t="s">
        <v>98</v>
      </c>
      <c r="H29" s="57"/>
    </row>
    <row r="30" spans="1:8">
      <c r="A30" s="34" t="s">
        <v>48</v>
      </c>
      <c r="B30" s="29"/>
      <c r="C30" s="25"/>
      <c r="D30" s="28" t="s">
        <v>49</v>
      </c>
      <c r="E30" s="29"/>
      <c r="F30" s="25"/>
      <c r="G30" s="73" t="s">
        <v>99</v>
      </c>
      <c r="H30" s="57"/>
    </row>
    <row r="31" spans="1:8">
      <c r="A31" s="40" t="s">
        <v>31</v>
      </c>
      <c r="B31" s="43"/>
      <c r="C31" s="25"/>
      <c r="D31" s="28" t="s">
        <v>50</v>
      </c>
      <c r="E31" s="29"/>
      <c r="F31" s="25"/>
      <c r="G31" s="73" t="s">
        <v>100</v>
      </c>
      <c r="H31" s="57"/>
    </row>
    <row r="32" spans="1:8">
      <c r="A32" s="2" t="s">
        <v>12</v>
      </c>
      <c r="B32" s="21">
        <f>SUM(B23:B31)</f>
        <v>0</v>
      </c>
      <c r="C32" s="44"/>
      <c r="D32" s="28" t="s">
        <v>51</v>
      </c>
      <c r="E32" s="29"/>
      <c r="F32" s="25"/>
      <c r="G32" s="73" t="s">
        <v>101</v>
      </c>
      <c r="H32" s="57"/>
    </row>
    <row r="33" spans="1:8">
      <c r="A33" s="27"/>
      <c r="B33" s="44" t="s">
        <v>52</v>
      </c>
      <c r="C33" s="36"/>
      <c r="D33" s="28" t="s">
        <v>53</v>
      </c>
      <c r="E33" s="29"/>
      <c r="F33" s="25"/>
      <c r="G33" s="73" t="s">
        <v>102</v>
      </c>
      <c r="H33" s="57"/>
    </row>
    <row r="34" spans="1:8">
      <c r="A34" s="48" t="s">
        <v>54</v>
      </c>
      <c r="B34" s="3" t="s">
        <v>2</v>
      </c>
      <c r="C34" s="25"/>
      <c r="D34" s="28" t="s">
        <v>55</v>
      </c>
      <c r="E34" s="29"/>
      <c r="F34" s="25"/>
      <c r="G34" s="73" t="s">
        <v>103</v>
      </c>
      <c r="H34" s="57"/>
    </row>
    <row r="35" spans="1:8">
      <c r="A35" s="49" t="s">
        <v>56</v>
      </c>
      <c r="B35" s="24"/>
      <c r="C35" s="25"/>
      <c r="D35" s="50" t="s">
        <v>57</v>
      </c>
      <c r="E35" s="51"/>
      <c r="F35" s="25"/>
      <c r="G35" s="78" t="s">
        <v>115</v>
      </c>
      <c r="H35" s="58"/>
    </row>
    <row r="36" spans="1:8">
      <c r="A36" s="52" t="s">
        <v>58</v>
      </c>
      <c r="B36" s="29"/>
      <c r="C36" s="53"/>
      <c r="D36" s="54" t="s">
        <v>30</v>
      </c>
      <c r="E36" s="55"/>
      <c r="F36" s="25"/>
      <c r="G36" s="2" t="s">
        <v>12</v>
      </c>
      <c r="H36" s="21">
        <f>SUM(H9:H35)</f>
        <v>0</v>
      </c>
    </row>
    <row r="37" spans="1:8">
      <c r="A37" s="52" t="s">
        <v>59</v>
      </c>
      <c r="B37" s="29"/>
      <c r="C37" s="25"/>
      <c r="D37" s="2" t="s">
        <v>12</v>
      </c>
      <c r="E37" s="21">
        <f>SUM(E23:E36)</f>
        <v>0</v>
      </c>
      <c r="F37" s="18"/>
    </row>
    <row r="38" spans="1:8">
      <c r="A38" s="52" t="s">
        <v>60</v>
      </c>
      <c r="B38" s="29"/>
      <c r="C38" s="27"/>
      <c r="D38" s="27"/>
      <c r="E38" s="27"/>
      <c r="F38" s="27"/>
      <c r="G38" s="18" t="s">
        <v>116</v>
      </c>
      <c r="H38" s="18"/>
    </row>
    <row r="39" spans="1:8">
      <c r="A39" s="52" t="s">
        <v>61</v>
      </c>
      <c r="B39" s="29"/>
      <c r="C39" s="27"/>
      <c r="G39" s="83" t="s">
        <v>105</v>
      </c>
      <c r="H39" s="84" t="s">
        <v>81</v>
      </c>
    </row>
    <row r="40" spans="1:8">
      <c r="A40" s="40" t="s">
        <v>31</v>
      </c>
      <c r="B40" s="43"/>
      <c r="C40" s="27"/>
      <c r="G40" s="85"/>
      <c r="H40" s="57"/>
    </row>
    <row r="41" spans="1:8">
      <c r="A41" s="2" t="s">
        <v>12</v>
      </c>
      <c r="B41" s="21">
        <f>SUM(B35:B40)</f>
        <v>0</v>
      </c>
      <c r="C41" s="27"/>
      <c r="G41" s="86"/>
      <c r="H41" s="57"/>
    </row>
    <row r="42" spans="1:8">
      <c r="A42" s="25"/>
      <c r="B42" s="25"/>
      <c r="C42" s="27"/>
      <c r="G42" s="87"/>
      <c r="H42" s="57"/>
    </row>
    <row r="43" spans="1:8">
      <c r="A43" s="109" t="s">
        <v>62</v>
      </c>
      <c r="B43" s="109"/>
      <c r="C43" s="109" t="s">
        <v>63</v>
      </c>
      <c r="D43" s="110"/>
      <c r="E43" s="110"/>
      <c r="G43" s="88" t="s">
        <v>107</v>
      </c>
      <c r="H43" s="82">
        <f>SUM(H40:H42)</f>
        <v>0</v>
      </c>
    </row>
    <row r="44" spans="1:8">
      <c r="A44" s="26" t="s">
        <v>64</v>
      </c>
      <c r="B44" s="3" t="s">
        <v>2</v>
      </c>
      <c r="C44" s="97" t="s">
        <v>64</v>
      </c>
      <c r="D44" s="98"/>
      <c r="E44" s="3" t="s">
        <v>2</v>
      </c>
    </row>
    <row r="45" spans="1:8">
      <c r="A45" s="30" t="s">
        <v>65</v>
      </c>
      <c r="B45" s="24"/>
      <c r="C45" s="99" t="s">
        <v>65</v>
      </c>
      <c r="D45" s="100"/>
      <c r="E45" s="56"/>
    </row>
    <row r="46" spans="1:8">
      <c r="A46" s="34" t="s">
        <v>66</v>
      </c>
      <c r="B46" s="29"/>
      <c r="C46" s="101" t="s">
        <v>66</v>
      </c>
      <c r="D46" s="102"/>
      <c r="E46" s="57"/>
      <c r="F46" s="71"/>
    </row>
    <row r="47" spans="1:8">
      <c r="A47" s="34" t="s">
        <v>67</v>
      </c>
      <c r="B47" s="29"/>
      <c r="C47" s="101" t="s">
        <v>67</v>
      </c>
      <c r="D47" s="102"/>
      <c r="E47" s="57"/>
      <c r="F47" s="71"/>
    </row>
    <row r="48" spans="1:8">
      <c r="A48" s="40" t="s">
        <v>68</v>
      </c>
      <c r="B48" s="43"/>
      <c r="C48" s="103" t="s">
        <v>69</v>
      </c>
      <c r="D48" s="104"/>
      <c r="E48" s="58"/>
      <c r="F48" s="71"/>
    </row>
    <row r="49" spans="1:8">
      <c r="A49" s="2" t="s">
        <v>12</v>
      </c>
      <c r="B49" s="21">
        <f>SUM(B45:B48)</f>
        <v>0</v>
      </c>
      <c r="C49" s="95" t="s">
        <v>70</v>
      </c>
      <c r="D49" s="96"/>
      <c r="E49" s="21">
        <f>SUM(E45:E48)</f>
        <v>0</v>
      </c>
      <c r="F49" s="71"/>
    </row>
    <row r="50" spans="1:8">
      <c r="D50" s="5"/>
      <c r="E50" s="70"/>
      <c r="F50" s="71"/>
    </row>
    <row r="51" spans="1:8" ht="9.9" customHeight="1">
      <c r="A51" s="80" t="s">
        <v>71</v>
      </c>
      <c r="D51" s="59"/>
      <c r="E51" s="60"/>
      <c r="F51" s="60"/>
      <c r="G51" s="60"/>
      <c r="H51" s="60"/>
    </row>
    <row r="52" spans="1:8" ht="9.9" customHeight="1">
      <c r="A52" s="61" t="s">
        <v>72</v>
      </c>
      <c r="D52" s="59"/>
      <c r="E52" s="62"/>
      <c r="F52" s="62"/>
      <c r="G52" s="62"/>
      <c r="H52" s="62"/>
    </row>
    <row r="53" spans="1:8" ht="9.9" customHeight="1">
      <c r="A53" s="61" t="s">
        <v>73</v>
      </c>
      <c r="D53" s="63"/>
      <c r="E53" s="64"/>
      <c r="F53" s="64"/>
      <c r="G53" s="64"/>
      <c r="H53" s="64"/>
    </row>
    <row r="54" spans="1:8" ht="9.9" customHeight="1">
      <c r="A54" s="61" t="s">
        <v>74</v>
      </c>
      <c r="D54" s="60"/>
      <c r="E54" s="60"/>
      <c r="F54" s="60"/>
      <c r="G54" s="60"/>
      <c r="H54" s="60"/>
    </row>
    <row r="55" spans="1:8" ht="9.9" customHeight="1">
      <c r="A55" s="61" t="s">
        <v>75</v>
      </c>
      <c r="D55" s="27"/>
      <c r="E55" s="60"/>
      <c r="F55" s="60"/>
      <c r="G55" s="60"/>
      <c r="H55" s="60"/>
    </row>
    <row r="56" spans="1:8" ht="9.9" customHeight="1">
      <c r="A56" s="80" t="s">
        <v>77</v>
      </c>
    </row>
    <row r="57" spans="1:8" ht="9.9" customHeight="1">
      <c r="A57" s="61" t="s">
        <v>78</v>
      </c>
    </row>
  </sheetData>
  <mergeCells count="11">
    <mergeCell ref="C49:D49"/>
    <mergeCell ref="E1:H1"/>
    <mergeCell ref="G4:G5"/>
    <mergeCell ref="H4:H5"/>
    <mergeCell ref="A43:B43"/>
    <mergeCell ref="C43:E43"/>
    <mergeCell ref="C44:D44"/>
    <mergeCell ref="C45:D45"/>
    <mergeCell ref="C46:D46"/>
    <mergeCell ref="C47:D47"/>
    <mergeCell ref="C48:D48"/>
  </mergeCells>
  <phoneticPr fontId="1"/>
  <dataValidations count="1">
    <dataValidation imeMode="off" allowBlank="1" showInputMessage="1" showErrorMessage="1" sqref="E11:E19 B23:B31 B35:B40 B5:B9 E5:E7 B45:B48 E23:E36 B13:B19 E45:E48 H40:H42 H9:H35" xr:uid="{00000000-0002-0000-0100-000000000000}"/>
  </dataValidation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H57"/>
  <sheetViews>
    <sheetView zoomScaleNormal="100" workbookViewId="0"/>
  </sheetViews>
  <sheetFormatPr defaultRowHeight="14"/>
  <cols>
    <col min="1" max="1" width="15.6640625" customWidth="1"/>
    <col min="2" max="2" width="7.9140625" customWidth="1"/>
    <col min="3" max="3" width="1.58203125" customWidth="1"/>
    <col min="4" max="4" width="11.4140625" customWidth="1"/>
    <col min="5" max="5" width="8" customWidth="1"/>
    <col min="6" max="6" width="1.58203125" customWidth="1"/>
    <col min="7" max="7" width="25.58203125" customWidth="1"/>
    <col min="8" max="8" width="8.58203125" customWidth="1"/>
  </cols>
  <sheetData>
    <row r="1" spans="1:8" ht="14.5" thickBot="1">
      <c r="A1">
        <f>'4月'!$A$1</f>
        <v>2025</v>
      </c>
      <c r="B1" s="68" t="s">
        <v>117</v>
      </c>
      <c r="C1" s="69"/>
      <c r="D1" s="69" t="s">
        <v>76</v>
      </c>
      <c r="E1" s="111">
        <f>'4月'!$E$1</f>
        <v>0</v>
      </c>
      <c r="F1" s="112"/>
      <c r="G1" s="112"/>
      <c r="H1" s="112"/>
    </row>
    <row r="2" spans="1:8" ht="9.9" customHeight="1"/>
    <row r="3" spans="1:8">
      <c r="H3" s="1" t="s">
        <v>0</v>
      </c>
    </row>
    <row r="4" spans="1:8">
      <c r="A4" s="2" t="s">
        <v>1</v>
      </c>
      <c r="B4" s="3" t="s">
        <v>2</v>
      </c>
      <c r="D4" s="4" t="s">
        <v>3</v>
      </c>
      <c r="E4" s="3" t="s">
        <v>2</v>
      </c>
      <c r="F4" s="5"/>
      <c r="G4" s="105" t="s">
        <v>4</v>
      </c>
      <c r="H4" s="107"/>
    </row>
    <row r="5" spans="1:8">
      <c r="A5" s="6" t="s">
        <v>5</v>
      </c>
      <c r="B5" s="7"/>
      <c r="D5" s="8" t="s">
        <v>6</v>
      </c>
      <c r="E5" s="9"/>
      <c r="F5" s="10"/>
      <c r="G5" s="106"/>
      <c r="H5" s="108"/>
    </row>
    <row r="6" spans="1:8">
      <c r="A6" s="11" t="s">
        <v>7</v>
      </c>
      <c r="B6" s="12"/>
      <c r="D6" s="13" t="s">
        <v>8</v>
      </c>
      <c r="E6" s="14"/>
      <c r="F6" s="10"/>
      <c r="G6" s="10"/>
      <c r="H6" s="10"/>
    </row>
    <row r="7" spans="1:8">
      <c r="A7" s="11" t="s">
        <v>9</v>
      </c>
      <c r="B7" s="12"/>
      <c r="D7" s="15" t="s">
        <v>10</v>
      </c>
      <c r="E7" s="16"/>
      <c r="F7" s="10"/>
      <c r="G7" s="10" t="s">
        <v>95</v>
      </c>
      <c r="H7" s="10"/>
    </row>
    <row r="8" spans="1:8">
      <c r="A8" s="11" t="s">
        <v>11</v>
      </c>
      <c r="B8" s="12"/>
      <c r="D8" s="2" t="s">
        <v>12</v>
      </c>
      <c r="E8" s="17">
        <f>SUM(E5:E7)</f>
        <v>0</v>
      </c>
      <c r="F8" s="18"/>
      <c r="G8" s="2" t="s">
        <v>80</v>
      </c>
      <c r="H8" s="3" t="s">
        <v>81</v>
      </c>
    </row>
    <row r="9" spans="1:8">
      <c r="A9" s="19" t="s">
        <v>13</v>
      </c>
      <c r="B9" s="20"/>
      <c r="G9" s="81" t="s">
        <v>82</v>
      </c>
      <c r="H9" s="56"/>
    </row>
    <row r="10" spans="1:8">
      <c r="A10" s="2" t="s">
        <v>12</v>
      </c>
      <c r="B10" s="21">
        <f>SUM(B5:B9)</f>
        <v>0</v>
      </c>
      <c r="D10" s="22" t="s">
        <v>14</v>
      </c>
      <c r="E10" s="3" t="s">
        <v>2</v>
      </c>
      <c r="F10" s="5"/>
      <c r="G10" s="72" t="s">
        <v>110</v>
      </c>
      <c r="H10" s="57"/>
    </row>
    <row r="11" spans="1:8">
      <c r="D11" s="23" t="s">
        <v>15</v>
      </c>
      <c r="E11" s="24"/>
      <c r="F11" s="25"/>
      <c r="G11" s="73" t="s">
        <v>90</v>
      </c>
      <c r="H11" s="57"/>
    </row>
    <row r="12" spans="1:8">
      <c r="A12" s="26" t="s">
        <v>16</v>
      </c>
      <c r="B12" s="3" t="s">
        <v>2</v>
      </c>
      <c r="C12" s="27"/>
      <c r="D12" s="28" t="s">
        <v>17</v>
      </c>
      <c r="E12" s="29"/>
      <c r="F12" s="25"/>
      <c r="G12" s="73" t="s">
        <v>83</v>
      </c>
      <c r="H12" s="57"/>
    </row>
    <row r="13" spans="1:8">
      <c r="A13" s="30" t="s">
        <v>18</v>
      </c>
      <c r="B13" s="31"/>
      <c r="C13" s="27"/>
      <c r="D13" s="32" t="s">
        <v>19</v>
      </c>
      <c r="E13" s="33"/>
      <c r="F13" s="25"/>
      <c r="G13" s="73" t="s">
        <v>114</v>
      </c>
      <c r="H13" s="57"/>
    </row>
    <row r="14" spans="1:8">
      <c r="A14" s="34" t="s">
        <v>20</v>
      </c>
      <c r="B14" s="35"/>
      <c r="C14" s="36"/>
      <c r="D14" s="37" t="s">
        <v>21</v>
      </c>
      <c r="E14" s="38"/>
      <c r="F14" s="39"/>
      <c r="G14" s="73" t="s">
        <v>84</v>
      </c>
      <c r="H14" s="57"/>
    </row>
    <row r="15" spans="1:8">
      <c r="A15" s="34" t="s">
        <v>22</v>
      </c>
      <c r="B15" s="35"/>
      <c r="C15" s="25"/>
      <c r="D15" s="28" t="s">
        <v>23</v>
      </c>
      <c r="E15" s="29"/>
      <c r="F15" s="25"/>
      <c r="G15" s="74" t="s">
        <v>85</v>
      </c>
      <c r="H15" s="57"/>
    </row>
    <row r="16" spans="1:8">
      <c r="A16" s="34" t="s">
        <v>24</v>
      </c>
      <c r="B16" s="35"/>
      <c r="C16" s="25"/>
      <c r="D16" s="28" t="s">
        <v>25</v>
      </c>
      <c r="E16" s="29"/>
      <c r="F16" s="25"/>
      <c r="G16" s="73" t="s">
        <v>111</v>
      </c>
      <c r="H16" s="57"/>
    </row>
    <row r="17" spans="1:8">
      <c r="A17" s="34" t="s">
        <v>26</v>
      </c>
      <c r="B17" s="35"/>
      <c r="C17" s="25"/>
      <c r="D17" s="28" t="s">
        <v>27</v>
      </c>
      <c r="E17" s="29"/>
      <c r="F17" s="25"/>
      <c r="G17" s="73" t="s">
        <v>86</v>
      </c>
      <c r="H17" s="57"/>
    </row>
    <row r="18" spans="1:8">
      <c r="A18" s="34" t="s">
        <v>28</v>
      </c>
      <c r="B18" s="35"/>
      <c r="C18" s="25"/>
      <c r="D18" s="28" t="s">
        <v>29</v>
      </c>
      <c r="E18" s="29"/>
      <c r="F18" s="25"/>
      <c r="G18" s="73" t="s">
        <v>112</v>
      </c>
      <c r="H18" s="57"/>
    </row>
    <row r="19" spans="1:8">
      <c r="A19" s="40" t="s">
        <v>30</v>
      </c>
      <c r="B19" s="41"/>
      <c r="C19" s="25"/>
      <c r="D19" s="42" t="s">
        <v>31</v>
      </c>
      <c r="E19" s="43"/>
      <c r="F19" s="25"/>
      <c r="G19" s="73" t="s">
        <v>87</v>
      </c>
      <c r="H19" s="57"/>
    </row>
    <row r="20" spans="1:8">
      <c r="A20" s="2" t="s">
        <v>12</v>
      </c>
      <c r="B20" s="21">
        <f>SUM(B13:B19)</f>
        <v>0</v>
      </c>
      <c r="C20" s="25"/>
      <c r="D20" s="2" t="s">
        <v>12</v>
      </c>
      <c r="E20" s="21">
        <f>SUM(E11:E19)</f>
        <v>0</v>
      </c>
      <c r="F20" s="18"/>
      <c r="G20" s="73" t="s">
        <v>88</v>
      </c>
      <c r="H20" s="57"/>
    </row>
    <row r="21" spans="1:8">
      <c r="A21" s="27"/>
      <c r="B21" s="44" t="s">
        <v>32</v>
      </c>
      <c r="C21" s="25"/>
      <c r="D21" s="45"/>
      <c r="E21" s="46"/>
      <c r="F21" s="46"/>
      <c r="G21" s="75" t="s">
        <v>89</v>
      </c>
      <c r="H21" s="57"/>
    </row>
    <row r="22" spans="1:8">
      <c r="A22" s="67" t="s">
        <v>33</v>
      </c>
      <c r="B22" s="3" t="s">
        <v>2</v>
      </c>
      <c r="C22" s="25"/>
      <c r="D22" s="79" t="s">
        <v>104</v>
      </c>
      <c r="E22" s="3" t="s">
        <v>2</v>
      </c>
      <c r="F22" s="5"/>
      <c r="G22" s="76" t="s">
        <v>91</v>
      </c>
      <c r="H22" s="57"/>
    </row>
    <row r="23" spans="1:8">
      <c r="A23" s="30" t="s">
        <v>34</v>
      </c>
      <c r="B23" s="24"/>
      <c r="C23" s="44"/>
      <c r="D23" s="23" t="s">
        <v>35</v>
      </c>
      <c r="E23" s="24"/>
      <c r="F23" s="25"/>
      <c r="G23" s="77" t="s">
        <v>92</v>
      </c>
      <c r="H23" s="57"/>
    </row>
    <row r="24" spans="1:8">
      <c r="A24" s="34" t="s">
        <v>36</v>
      </c>
      <c r="B24" s="29"/>
      <c r="C24" s="36"/>
      <c r="D24" s="28" t="s">
        <v>37</v>
      </c>
      <c r="E24" s="29"/>
      <c r="F24" s="25"/>
      <c r="G24" s="73" t="s">
        <v>93</v>
      </c>
      <c r="H24" s="57"/>
    </row>
    <row r="25" spans="1:8">
      <c r="A25" s="34" t="s">
        <v>38</v>
      </c>
      <c r="B25" s="29"/>
      <c r="C25" s="25"/>
      <c r="D25" s="28" t="s">
        <v>39</v>
      </c>
      <c r="E25" s="29"/>
      <c r="F25" s="25"/>
      <c r="G25" s="73" t="s">
        <v>94</v>
      </c>
      <c r="H25" s="57"/>
    </row>
    <row r="26" spans="1:8">
      <c r="A26" s="34" t="s">
        <v>40</v>
      </c>
      <c r="B26" s="29"/>
      <c r="C26" s="25"/>
      <c r="D26" s="28" t="s">
        <v>41</v>
      </c>
      <c r="E26" s="29"/>
      <c r="F26" s="25"/>
      <c r="G26" s="73" t="s">
        <v>113</v>
      </c>
      <c r="H26" s="57"/>
    </row>
    <row r="27" spans="1:8">
      <c r="A27" s="47" t="s">
        <v>42</v>
      </c>
      <c r="B27" s="29"/>
      <c r="C27" s="25"/>
      <c r="D27" s="28" t="s">
        <v>43</v>
      </c>
      <c r="E27" s="29"/>
      <c r="F27" s="25"/>
      <c r="G27" s="73" t="s">
        <v>96</v>
      </c>
      <c r="H27" s="57"/>
    </row>
    <row r="28" spans="1:8">
      <c r="A28" s="34" t="s">
        <v>44</v>
      </c>
      <c r="B28" s="29"/>
      <c r="C28" s="25"/>
      <c r="D28" s="28" t="s">
        <v>45</v>
      </c>
      <c r="E28" s="29"/>
      <c r="F28" s="25"/>
      <c r="G28" s="73" t="s">
        <v>97</v>
      </c>
      <c r="H28" s="57"/>
    </row>
    <row r="29" spans="1:8">
      <c r="A29" s="34" t="s">
        <v>46</v>
      </c>
      <c r="B29" s="29"/>
      <c r="C29" s="25"/>
      <c r="D29" s="28" t="s">
        <v>47</v>
      </c>
      <c r="E29" s="29"/>
      <c r="F29" s="25"/>
      <c r="G29" s="73" t="s">
        <v>98</v>
      </c>
      <c r="H29" s="57"/>
    </row>
    <row r="30" spans="1:8">
      <c r="A30" s="34" t="s">
        <v>48</v>
      </c>
      <c r="B30" s="29"/>
      <c r="C30" s="25"/>
      <c r="D30" s="28" t="s">
        <v>49</v>
      </c>
      <c r="E30" s="29"/>
      <c r="F30" s="25"/>
      <c r="G30" s="73" t="s">
        <v>99</v>
      </c>
      <c r="H30" s="57"/>
    </row>
    <row r="31" spans="1:8">
      <c r="A31" s="40" t="s">
        <v>31</v>
      </c>
      <c r="B31" s="43"/>
      <c r="C31" s="25"/>
      <c r="D31" s="28" t="s">
        <v>50</v>
      </c>
      <c r="E31" s="29"/>
      <c r="F31" s="25"/>
      <c r="G31" s="73" t="s">
        <v>100</v>
      </c>
      <c r="H31" s="57"/>
    </row>
    <row r="32" spans="1:8">
      <c r="A32" s="2" t="s">
        <v>12</v>
      </c>
      <c r="B32" s="21">
        <f>SUM(B23:B31)</f>
        <v>0</v>
      </c>
      <c r="C32" s="44"/>
      <c r="D32" s="28" t="s">
        <v>51</v>
      </c>
      <c r="E32" s="29"/>
      <c r="F32" s="25"/>
      <c r="G32" s="73" t="s">
        <v>101</v>
      </c>
      <c r="H32" s="57"/>
    </row>
    <row r="33" spans="1:8">
      <c r="A33" s="27"/>
      <c r="B33" s="44" t="s">
        <v>52</v>
      </c>
      <c r="C33" s="36"/>
      <c r="D33" s="28" t="s">
        <v>53</v>
      </c>
      <c r="E33" s="29"/>
      <c r="F33" s="25"/>
      <c r="G33" s="73" t="s">
        <v>102</v>
      </c>
      <c r="H33" s="57"/>
    </row>
    <row r="34" spans="1:8">
      <c r="A34" s="48" t="s">
        <v>54</v>
      </c>
      <c r="B34" s="3" t="s">
        <v>2</v>
      </c>
      <c r="C34" s="25"/>
      <c r="D34" s="28" t="s">
        <v>55</v>
      </c>
      <c r="E34" s="29"/>
      <c r="F34" s="25"/>
      <c r="G34" s="73" t="s">
        <v>103</v>
      </c>
      <c r="H34" s="57"/>
    </row>
    <row r="35" spans="1:8">
      <c r="A35" s="49" t="s">
        <v>56</v>
      </c>
      <c r="B35" s="24"/>
      <c r="C35" s="25"/>
      <c r="D35" s="50" t="s">
        <v>57</v>
      </c>
      <c r="E35" s="51"/>
      <c r="F35" s="25"/>
      <c r="G35" s="78" t="s">
        <v>115</v>
      </c>
      <c r="H35" s="58"/>
    </row>
    <row r="36" spans="1:8">
      <c r="A36" s="52" t="s">
        <v>58</v>
      </c>
      <c r="B36" s="29"/>
      <c r="C36" s="53"/>
      <c r="D36" s="54" t="s">
        <v>30</v>
      </c>
      <c r="E36" s="55"/>
      <c r="F36" s="25"/>
      <c r="G36" s="2" t="s">
        <v>12</v>
      </c>
      <c r="H36" s="21">
        <f>SUM(H9:H35)</f>
        <v>0</v>
      </c>
    </row>
    <row r="37" spans="1:8">
      <c r="A37" s="52" t="s">
        <v>59</v>
      </c>
      <c r="B37" s="29"/>
      <c r="C37" s="25"/>
      <c r="D37" s="2" t="s">
        <v>12</v>
      </c>
      <c r="E37" s="21">
        <f>SUM(E23:E36)</f>
        <v>0</v>
      </c>
      <c r="F37" s="18"/>
    </row>
    <row r="38" spans="1:8">
      <c r="A38" s="52" t="s">
        <v>60</v>
      </c>
      <c r="B38" s="29"/>
      <c r="C38" s="27"/>
      <c r="D38" s="27"/>
      <c r="E38" s="27"/>
      <c r="F38" s="27"/>
      <c r="G38" s="18" t="s">
        <v>116</v>
      </c>
      <c r="H38" s="18"/>
    </row>
    <row r="39" spans="1:8">
      <c r="A39" s="52" t="s">
        <v>61</v>
      </c>
      <c r="B39" s="29"/>
      <c r="C39" s="27"/>
      <c r="G39" s="83" t="s">
        <v>105</v>
      </c>
      <c r="H39" s="84" t="s">
        <v>81</v>
      </c>
    </row>
    <row r="40" spans="1:8">
      <c r="A40" s="40" t="s">
        <v>31</v>
      </c>
      <c r="B40" s="43"/>
      <c r="C40" s="27"/>
      <c r="G40" s="85"/>
      <c r="H40" s="57"/>
    </row>
    <row r="41" spans="1:8">
      <c r="A41" s="2" t="s">
        <v>12</v>
      </c>
      <c r="B41" s="21">
        <f>SUM(B35:B40)</f>
        <v>0</v>
      </c>
      <c r="C41" s="27"/>
      <c r="G41" s="86"/>
      <c r="H41" s="57"/>
    </row>
    <row r="42" spans="1:8">
      <c r="A42" s="25"/>
      <c r="B42" s="25"/>
      <c r="C42" s="27"/>
      <c r="G42" s="87"/>
      <c r="H42" s="57"/>
    </row>
    <row r="43" spans="1:8">
      <c r="A43" s="109" t="s">
        <v>62</v>
      </c>
      <c r="B43" s="109"/>
      <c r="C43" s="109" t="s">
        <v>63</v>
      </c>
      <c r="D43" s="110"/>
      <c r="E43" s="110"/>
      <c r="G43" s="88" t="s">
        <v>107</v>
      </c>
      <c r="H43" s="82">
        <f>SUM(H40:H42)</f>
        <v>0</v>
      </c>
    </row>
    <row r="44" spans="1:8">
      <c r="A44" s="26" t="s">
        <v>64</v>
      </c>
      <c r="B44" s="3" t="s">
        <v>2</v>
      </c>
      <c r="C44" s="97" t="s">
        <v>64</v>
      </c>
      <c r="D44" s="98"/>
      <c r="E44" s="3" t="s">
        <v>2</v>
      </c>
    </row>
    <row r="45" spans="1:8">
      <c r="A45" s="30" t="s">
        <v>65</v>
      </c>
      <c r="B45" s="24"/>
      <c r="C45" s="99" t="s">
        <v>65</v>
      </c>
      <c r="D45" s="100"/>
      <c r="E45" s="56"/>
    </row>
    <row r="46" spans="1:8">
      <c r="A46" s="34" t="s">
        <v>66</v>
      </c>
      <c r="B46" s="29"/>
      <c r="C46" s="101" t="s">
        <v>66</v>
      </c>
      <c r="D46" s="102"/>
      <c r="E46" s="57"/>
      <c r="F46" s="71"/>
    </row>
    <row r="47" spans="1:8">
      <c r="A47" s="34" t="s">
        <v>67</v>
      </c>
      <c r="B47" s="29"/>
      <c r="C47" s="101" t="s">
        <v>67</v>
      </c>
      <c r="D47" s="102"/>
      <c r="E47" s="57"/>
      <c r="F47" s="71"/>
    </row>
    <row r="48" spans="1:8">
      <c r="A48" s="40" t="s">
        <v>68</v>
      </c>
      <c r="B48" s="43"/>
      <c r="C48" s="103" t="s">
        <v>69</v>
      </c>
      <c r="D48" s="104"/>
      <c r="E48" s="58"/>
      <c r="F48" s="71"/>
    </row>
    <row r="49" spans="1:8">
      <c r="A49" s="2" t="s">
        <v>12</v>
      </c>
      <c r="B49" s="21">
        <f>SUM(B45:B48)</f>
        <v>0</v>
      </c>
      <c r="C49" s="95" t="s">
        <v>70</v>
      </c>
      <c r="D49" s="96"/>
      <c r="E49" s="21">
        <f>SUM(E45:E48)</f>
        <v>0</v>
      </c>
      <c r="F49" s="71"/>
    </row>
    <row r="50" spans="1:8">
      <c r="D50" s="5"/>
      <c r="E50" s="70"/>
      <c r="F50" s="71"/>
    </row>
    <row r="51" spans="1:8" ht="9.9" customHeight="1">
      <c r="A51" s="80" t="s">
        <v>71</v>
      </c>
      <c r="D51" s="59"/>
      <c r="E51" s="60"/>
      <c r="F51" s="60"/>
      <c r="G51" s="60"/>
      <c r="H51" s="60"/>
    </row>
    <row r="52" spans="1:8" ht="9.9" customHeight="1">
      <c r="A52" s="61" t="s">
        <v>72</v>
      </c>
      <c r="D52" s="59"/>
      <c r="E52" s="62"/>
      <c r="F52" s="62"/>
      <c r="G52" s="62"/>
      <c r="H52" s="62"/>
    </row>
    <row r="53" spans="1:8" ht="9.9" customHeight="1">
      <c r="A53" s="61" t="s">
        <v>73</v>
      </c>
      <c r="D53" s="63"/>
      <c r="E53" s="64"/>
      <c r="F53" s="64"/>
      <c r="G53" s="64"/>
      <c r="H53" s="64"/>
    </row>
    <row r="54" spans="1:8" ht="9.9" customHeight="1">
      <c r="A54" s="61" t="s">
        <v>74</v>
      </c>
      <c r="D54" s="60"/>
      <c r="E54" s="60"/>
      <c r="F54" s="60"/>
      <c r="G54" s="60"/>
      <c r="H54" s="60"/>
    </row>
    <row r="55" spans="1:8" ht="9.9" customHeight="1">
      <c r="A55" s="61" t="s">
        <v>75</v>
      </c>
      <c r="D55" s="27"/>
      <c r="E55" s="60"/>
      <c r="F55" s="60"/>
      <c r="G55" s="60"/>
      <c r="H55" s="60"/>
    </row>
    <row r="56" spans="1:8" ht="9.9" customHeight="1">
      <c r="A56" s="80" t="s">
        <v>77</v>
      </c>
    </row>
    <row r="57" spans="1:8" ht="9.9" customHeight="1">
      <c r="A57" s="61" t="s">
        <v>78</v>
      </c>
    </row>
  </sheetData>
  <mergeCells count="11">
    <mergeCell ref="C49:D49"/>
    <mergeCell ref="E1:H1"/>
    <mergeCell ref="G4:G5"/>
    <mergeCell ref="H4:H5"/>
    <mergeCell ref="A43:B43"/>
    <mergeCell ref="C43:E43"/>
    <mergeCell ref="C44:D44"/>
    <mergeCell ref="C45:D45"/>
    <mergeCell ref="C46:D46"/>
    <mergeCell ref="C47:D47"/>
    <mergeCell ref="C48:D48"/>
  </mergeCells>
  <phoneticPr fontId="1"/>
  <dataValidations count="1">
    <dataValidation imeMode="off" allowBlank="1" showInputMessage="1" showErrorMessage="1" sqref="E11:E19 B23:B31 B35:B40 B5:B9 E5:E7 B45:B48 E23:E36 B13:B19 E45:E48 H40:H42 H9:H35" xr:uid="{00000000-0002-0000-0200-000000000000}"/>
  </dataValidations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H57"/>
  <sheetViews>
    <sheetView zoomScaleNormal="100" workbookViewId="0"/>
  </sheetViews>
  <sheetFormatPr defaultRowHeight="14"/>
  <cols>
    <col min="1" max="1" width="15.6640625" customWidth="1"/>
    <col min="2" max="2" width="7.9140625" customWidth="1"/>
    <col min="3" max="3" width="1.58203125" customWidth="1"/>
    <col min="4" max="4" width="11.4140625" customWidth="1"/>
    <col min="5" max="5" width="8" customWidth="1"/>
    <col min="6" max="6" width="1.58203125" customWidth="1"/>
    <col min="7" max="7" width="25.58203125" customWidth="1"/>
    <col min="8" max="8" width="8.58203125" customWidth="1"/>
  </cols>
  <sheetData>
    <row r="1" spans="1:8" ht="14.5" thickBot="1">
      <c r="A1">
        <f>'4月'!$A$1</f>
        <v>2025</v>
      </c>
      <c r="B1" s="68" t="s">
        <v>118</v>
      </c>
      <c r="C1" s="69"/>
      <c r="D1" s="69" t="s">
        <v>76</v>
      </c>
      <c r="E1" s="111">
        <f>'4月'!$E$1</f>
        <v>0</v>
      </c>
      <c r="F1" s="112"/>
      <c r="G1" s="112"/>
      <c r="H1" s="112"/>
    </row>
    <row r="2" spans="1:8" ht="9.9" customHeight="1"/>
    <row r="3" spans="1:8">
      <c r="H3" s="1" t="s">
        <v>0</v>
      </c>
    </row>
    <row r="4" spans="1:8">
      <c r="A4" s="2" t="s">
        <v>1</v>
      </c>
      <c r="B4" s="3" t="s">
        <v>2</v>
      </c>
      <c r="D4" s="4" t="s">
        <v>3</v>
      </c>
      <c r="E4" s="3" t="s">
        <v>2</v>
      </c>
      <c r="F4" s="5"/>
      <c r="G4" s="105" t="s">
        <v>4</v>
      </c>
      <c r="H4" s="107"/>
    </row>
    <row r="5" spans="1:8">
      <c r="A5" s="6" t="s">
        <v>5</v>
      </c>
      <c r="B5" s="7"/>
      <c r="D5" s="8" t="s">
        <v>6</v>
      </c>
      <c r="E5" s="9"/>
      <c r="F5" s="10"/>
      <c r="G5" s="106"/>
      <c r="H5" s="108"/>
    </row>
    <row r="6" spans="1:8">
      <c r="A6" s="11" t="s">
        <v>7</v>
      </c>
      <c r="B6" s="12"/>
      <c r="D6" s="13" t="s">
        <v>8</v>
      </c>
      <c r="E6" s="14"/>
      <c r="F6" s="10"/>
      <c r="G6" s="10"/>
      <c r="H6" s="10"/>
    </row>
    <row r="7" spans="1:8">
      <c r="A7" s="11" t="s">
        <v>9</v>
      </c>
      <c r="B7" s="12"/>
      <c r="D7" s="15" t="s">
        <v>10</v>
      </c>
      <c r="E7" s="16"/>
      <c r="F7" s="10"/>
      <c r="G7" s="10" t="s">
        <v>95</v>
      </c>
      <c r="H7" s="10"/>
    </row>
    <row r="8" spans="1:8">
      <c r="A8" s="11" t="s">
        <v>11</v>
      </c>
      <c r="B8" s="12"/>
      <c r="D8" s="2" t="s">
        <v>12</v>
      </c>
      <c r="E8" s="17">
        <f>SUM(E5:E7)</f>
        <v>0</v>
      </c>
      <c r="F8" s="18"/>
      <c r="G8" s="2" t="s">
        <v>80</v>
      </c>
      <c r="H8" s="3" t="s">
        <v>81</v>
      </c>
    </row>
    <row r="9" spans="1:8">
      <c r="A9" s="19" t="s">
        <v>13</v>
      </c>
      <c r="B9" s="20"/>
      <c r="G9" s="81" t="s">
        <v>82</v>
      </c>
      <c r="H9" s="56"/>
    </row>
    <row r="10" spans="1:8">
      <c r="A10" s="2" t="s">
        <v>12</v>
      </c>
      <c r="B10" s="21">
        <f>SUM(B5:B9)</f>
        <v>0</v>
      </c>
      <c r="D10" s="22" t="s">
        <v>14</v>
      </c>
      <c r="E10" s="3" t="s">
        <v>2</v>
      </c>
      <c r="F10" s="5"/>
      <c r="G10" s="72" t="s">
        <v>110</v>
      </c>
      <c r="H10" s="57"/>
    </row>
    <row r="11" spans="1:8">
      <c r="D11" s="23" t="s">
        <v>15</v>
      </c>
      <c r="E11" s="24"/>
      <c r="F11" s="25"/>
      <c r="G11" s="73" t="s">
        <v>90</v>
      </c>
      <c r="H11" s="57"/>
    </row>
    <row r="12" spans="1:8">
      <c r="A12" s="26" t="s">
        <v>16</v>
      </c>
      <c r="B12" s="3" t="s">
        <v>2</v>
      </c>
      <c r="C12" s="27"/>
      <c r="D12" s="28" t="s">
        <v>17</v>
      </c>
      <c r="E12" s="29"/>
      <c r="F12" s="25"/>
      <c r="G12" s="73" t="s">
        <v>83</v>
      </c>
      <c r="H12" s="57"/>
    </row>
    <row r="13" spans="1:8">
      <c r="A13" s="30" t="s">
        <v>18</v>
      </c>
      <c r="B13" s="31"/>
      <c r="C13" s="27"/>
      <c r="D13" s="32" t="s">
        <v>19</v>
      </c>
      <c r="E13" s="33"/>
      <c r="F13" s="25"/>
      <c r="G13" s="73" t="s">
        <v>114</v>
      </c>
      <c r="H13" s="57"/>
    </row>
    <row r="14" spans="1:8">
      <c r="A14" s="34" t="s">
        <v>20</v>
      </c>
      <c r="B14" s="35"/>
      <c r="C14" s="36"/>
      <c r="D14" s="37" t="s">
        <v>21</v>
      </c>
      <c r="E14" s="38"/>
      <c r="F14" s="39"/>
      <c r="G14" s="73" t="s">
        <v>84</v>
      </c>
      <c r="H14" s="57"/>
    </row>
    <row r="15" spans="1:8">
      <c r="A15" s="34" t="s">
        <v>22</v>
      </c>
      <c r="B15" s="35"/>
      <c r="C15" s="25"/>
      <c r="D15" s="28" t="s">
        <v>23</v>
      </c>
      <c r="E15" s="29"/>
      <c r="F15" s="25"/>
      <c r="G15" s="74" t="s">
        <v>85</v>
      </c>
      <c r="H15" s="57"/>
    </row>
    <row r="16" spans="1:8">
      <c r="A16" s="34" t="s">
        <v>24</v>
      </c>
      <c r="B16" s="35"/>
      <c r="C16" s="25"/>
      <c r="D16" s="28" t="s">
        <v>25</v>
      </c>
      <c r="E16" s="29"/>
      <c r="F16" s="25"/>
      <c r="G16" s="73" t="s">
        <v>111</v>
      </c>
      <c r="H16" s="57"/>
    </row>
    <row r="17" spans="1:8">
      <c r="A17" s="34" t="s">
        <v>26</v>
      </c>
      <c r="B17" s="35"/>
      <c r="C17" s="25"/>
      <c r="D17" s="28" t="s">
        <v>27</v>
      </c>
      <c r="E17" s="29"/>
      <c r="F17" s="25"/>
      <c r="G17" s="73" t="s">
        <v>86</v>
      </c>
      <c r="H17" s="57"/>
    </row>
    <row r="18" spans="1:8">
      <c r="A18" s="34" t="s">
        <v>28</v>
      </c>
      <c r="B18" s="35"/>
      <c r="C18" s="25"/>
      <c r="D18" s="28" t="s">
        <v>29</v>
      </c>
      <c r="E18" s="29"/>
      <c r="F18" s="25"/>
      <c r="G18" s="73" t="s">
        <v>112</v>
      </c>
      <c r="H18" s="57"/>
    </row>
    <row r="19" spans="1:8">
      <c r="A19" s="40" t="s">
        <v>30</v>
      </c>
      <c r="B19" s="41"/>
      <c r="C19" s="25"/>
      <c r="D19" s="42" t="s">
        <v>31</v>
      </c>
      <c r="E19" s="43"/>
      <c r="F19" s="25"/>
      <c r="G19" s="73" t="s">
        <v>87</v>
      </c>
      <c r="H19" s="57"/>
    </row>
    <row r="20" spans="1:8">
      <c r="A20" s="2" t="s">
        <v>12</v>
      </c>
      <c r="B20" s="21">
        <f>SUM(B13:B19)</f>
        <v>0</v>
      </c>
      <c r="C20" s="25"/>
      <c r="D20" s="2" t="s">
        <v>12</v>
      </c>
      <c r="E20" s="21">
        <f>SUM(E11:E19)</f>
        <v>0</v>
      </c>
      <c r="F20" s="18"/>
      <c r="G20" s="73" t="s">
        <v>88</v>
      </c>
      <c r="H20" s="57"/>
    </row>
    <row r="21" spans="1:8">
      <c r="A21" s="27"/>
      <c r="B21" s="44" t="s">
        <v>32</v>
      </c>
      <c r="C21" s="25"/>
      <c r="D21" s="45"/>
      <c r="E21" s="46"/>
      <c r="F21" s="46"/>
      <c r="G21" s="75" t="s">
        <v>89</v>
      </c>
      <c r="H21" s="57"/>
    </row>
    <row r="22" spans="1:8">
      <c r="A22" s="67" t="s">
        <v>33</v>
      </c>
      <c r="B22" s="3" t="s">
        <v>2</v>
      </c>
      <c r="C22" s="25"/>
      <c r="D22" s="79" t="s">
        <v>104</v>
      </c>
      <c r="E22" s="3" t="s">
        <v>2</v>
      </c>
      <c r="F22" s="5"/>
      <c r="G22" s="76" t="s">
        <v>91</v>
      </c>
      <c r="H22" s="57"/>
    </row>
    <row r="23" spans="1:8">
      <c r="A23" s="30" t="s">
        <v>34</v>
      </c>
      <c r="B23" s="24"/>
      <c r="C23" s="44"/>
      <c r="D23" s="23" t="s">
        <v>35</v>
      </c>
      <c r="E23" s="24"/>
      <c r="F23" s="25"/>
      <c r="G23" s="77" t="s">
        <v>92</v>
      </c>
      <c r="H23" s="57"/>
    </row>
    <row r="24" spans="1:8">
      <c r="A24" s="34" t="s">
        <v>36</v>
      </c>
      <c r="B24" s="29"/>
      <c r="C24" s="36"/>
      <c r="D24" s="28" t="s">
        <v>37</v>
      </c>
      <c r="E24" s="29"/>
      <c r="F24" s="25"/>
      <c r="G24" s="73" t="s">
        <v>93</v>
      </c>
      <c r="H24" s="57"/>
    </row>
    <row r="25" spans="1:8">
      <c r="A25" s="34" t="s">
        <v>38</v>
      </c>
      <c r="B25" s="29"/>
      <c r="C25" s="25"/>
      <c r="D25" s="28" t="s">
        <v>39</v>
      </c>
      <c r="E25" s="29"/>
      <c r="F25" s="25"/>
      <c r="G25" s="73" t="s">
        <v>94</v>
      </c>
      <c r="H25" s="57"/>
    </row>
    <row r="26" spans="1:8">
      <c r="A26" s="34" t="s">
        <v>40</v>
      </c>
      <c r="B26" s="29"/>
      <c r="C26" s="25"/>
      <c r="D26" s="28" t="s">
        <v>41</v>
      </c>
      <c r="E26" s="29"/>
      <c r="F26" s="25"/>
      <c r="G26" s="73" t="s">
        <v>113</v>
      </c>
      <c r="H26" s="57"/>
    </row>
    <row r="27" spans="1:8">
      <c r="A27" s="47" t="s">
        <v>42</v>
      </c>
      <c r="B27" s="29"/>
      <c r="C27" s="25"/>
      <c r="D27" s="28" t="s">
        <v>43</v>
      </c>
      <c r="E27" s="29"/>
      <c r="F27" s="25"/>
      <c r="G27" s="73" t="s">
        <v>96</v>
      </c>
      <c r="H27" s="57"/>
    </row>
    <row r="28" spans="1:8">
      <c r="A28" s="34" t="s">
        <v>44</v>
      </c>
      <c r="B28" s="29"/>
      <c r="C28" s="25"/>
      <c r="D28" s="28" t="s">
        <v>45</v>
      </c>
      <c r="E28" s="29"/>
      <c r="F28" s="25"/>
      <c r="G28" s="73" t="s">
        <v>97</v>
      </c>
      <c r="H28" s="57"/>
    </row>
    <row r="29" spans="1:8">
      <c r="A29" s="34" t="s">
        <v>46</v>
      </c>
      <c r="B29" s="29"/>
      <c r="C29" s="25"/>
      <c r="D29" s="28" t="s">
        <v>47</v>
      </c>
      <c r="E29" s="29"/>
      <c r="F29" s="25"/>
      <c r="G29" s="73" t="s">
        <v>98</v>
      </c>
      <c r="H29" s="57"/>
    </row>
    <row r="30" spans="1:8">
      <c r="A30" s="34" t="s">
        <v>48</v>
      </c>
      <c r="B30" s="29"/>
      <c r="C30" s="25"/>
      <c r="D30" s="28" t="s">
        <v>49</v>
      </c>
      <c r="E30" s="29"/>
      <c r="F30" s="25"/>
      <c r="G30" s="73" t="s">
        <v>99</v>
      </c>
      <c r="H30" s="57"/>
    </row>
    <row r="31" spans="1:8">
      <c r="A31" s="40" t="s">
        <v>31</v>
      </c>
      <c r="B31" s="43"/>
      <c r="C31" s="25"/>
      <c r="D31" s="28" t="s">
        <v>50</v>
      </c>
      <c r="E31" s="29"/>
      <c r="F31" s="25"/>
      <c r="G31" s="73" t="s">
        <v>100</v>
      </c>
      <c r="H31" s="57"/>
    </row>
    <row r="32" spans="1:8">
      <c r="A32" s="2" t="s">
        <v>12</v>
      </c>
      <c r="B32" s="21">
        <f>SUM(B23:B31)</f>
        <v>0</v>
      </c>
      <c r="C32" s="44"/>
      <c r="D32" s="28" t="s">
        <v>51</v>
      </c>
      <c r="E32" s="29"/>
      <c r="F32" s="25"/>
      <c r="G32" s="73" t="s">
        <v>101</v>
      </c>
      <c r="H32" s="57"/>
    </row>
    <row r="33" spans="1:8">
      <c r="A33" s="27"/>
      <c r="B33" s="44" t="s">
        <v>52</v>
      </c>
      <c r="C33" s="36"/>
      <c r="D33" s="28" t="s">
        <v>53</v>
      </c>
      <c r="E33" s="29"/>
      <c r="F33" s="25"/>
      <c r="G33" s="73" t="s">
        <v>102</v>
      </c>
      <c r="H33" s="57"/>
    </row>
    <row r="34" spans="1:8">
      <c r="A34" s="48" t="s">
        <v>54</v>
      </c>
      <c r="B34" s="3" t="s">
        <v>2</v>
      </c>
      <c r="C34" s="25"/>
      <c r="D34" s="28" t="s">
        <v>55</v>
      </c>
      <c r="E34" s="29"/>
      <c r="F34" s="25"/>
      <c r="G34" s="73" t="s">
        <v>103</v>
      </c>
      <c r="H34" s="57"/>
    </row>
    <row r="35" spans="1:8">
      <c r="A35" s="49" t="s">
        <v>56</v>
      </c>
      <c r="B35" s="24"/>
      <c r="C35" s="25"/>
      <c r="D35" s="50" t="s">
        <v>57</v>
      </c>
      <c r="E35" s="51"/>
      <c r="F35" s="25"/>
      <c r="G35" s="78" t="s">
        <v>115</v>
      </c>
      <c r="H35" s="58"/>
    </row>
    <row r="36" spans="1:8">
      <c r="A36" s="52" t="s">
        <v>58</v>
      </c>
      <c r="B36" s="29"/>
      <c r="C36" s="53"/>
      <c r="D36" s="54" t="s">
        <v>30</v>
      </c>
      <c r="E36" s="55"/>
      <c r="F36" s="25"/>
      <c r="G36" s="2" t="s">
        <v>12</v>
      </c>
      <c r="H36" s="21">
        <f>SUM(H9:H35)</f>
        <v>0</v>
      </c>
    </row>
    <row r="37" spans="1:8">
      <c r="A37" s="52" t="s">
        <v>59</v>
      </c>
      <c r="B37" s="29"/>
      <c r="C37" s="25"/>
      <c r="D37" s="2" t="s">
        <v>12</v>
      </c>
      <c r="E37" s="21">
        <f>SUM(E23:E36)</f>
        <v>0</v>
      </c>
      <c r="F37" s="18"/>
    </row>
    <row r="38" spans="1:8">
      <c r="A38" s="52" t="s">
        <v>60</v>
      </c>
      <c r="B38" s="29"/>
      <c r="C38" s="27"/>
      <c r="D38" s="27"/>
      <c r="E38" s="27"/>
      <c r="F38" s="27"/>
      <c r="G38" s="18" t="s">
        <v>116</v>
      </c>
      <c r="H38" s="18"/>
    </row>
    <row r="39" spans="1:8">
      <c r="A39" s="52" t="s">
        <v>61</v>
      </c>
      <c r="B39" s="29"/>
      <c r="C39" s="27"/>
      <c r="G39" s="83" t="s">
        <v>105</v>
      </c>
      <c r="H39" s="84" t="s">
        <v>81</v>
      </c>
    </row>
    <row r="40" spans="1:8">
      <c r="A40" s="40" t="s">
        <v>31</v>
      </c>
      <c r="B40" s="43"/>
      <c r="C40" s="27"/>
      <c r="G40" s="85"/>
      <c r="H40" s="57"/>
    </row>
    <row r="41" spans="1:8">
      <c r="A41" s="2" t="s">
        <v>12</v>
      </c>
      <c r="B41" s="21">
        <f>SUM(B35:B40)</f>
        <v>0</v>
      </c>
      <c r="C41" s="27"/>
      <c r="G41" s="86"/>
      <c r="H41" s="57"/>
    </row>
    <row r="42" spans="1:8">
      <c r="A42" s="25"/>
      <c r="B42" s="25"/>
      <c r="C42" s="27"/>
      <c r="G42" s="87"/>
      <c r="H42" s="57"/>
    </row>
    <row r="43" spans="1:8">
      <c r="A43" s="109" t="s">
        <v>62</v>
      </c>
      <c r="B43" s="109"/>
      <c r="C43" s="109" t="s">
        <v>63</v>
      </c>
      <c r="D43" s="110"/>
      <c r="E43" s="110"/>
      <c r="G43" s="88" t="s">
        <v>107</v>
      </c>
      <c r="H43" s="82">
        <f>SUM(H40:H42)</f>
        <v>0</v>
      </c>
    </row>
    <row r="44" spans="1:8">
      <c r="A44" s="26" t="s">
        <v>64</v>
      </c>
      <c r="B44" s="3" t="s">
        <v>2</v>
      </c>
      <c r="C44" s="97" t="s">
        <v>64</v>
      </c>
      <c r="D44" s="98"/>
      <c r="E44" s="3" t="s">
        <v>2</v>
      </c>
    </row>
    <row r="45" spans="1:8">
      <c r="A45" s="30" t="s">
        <v>65</v>
      </c>
      <c r="B45" s="24"/>
      <c r="C45" s="99" t="s">
        <v>65</v>
      </c>
      <c r="D45" s="100"/>
      <c r="E45" s="56"/>
    </row>
    <row r="46" spans="1:8">
      <c r="A46" s="34" t="s">
        <v>66</v>
      </c>
      <c r="B46" s="29"/>
      <c r="C46" s="101" t="s">
        <v>66</v>
      </c>
      <c r="D46" s="102"/>
      <c r="E46" s="57"/>
      <c r="F46" s="71"/>
    </row>
    <row r="47" spans="1:8">
      <c r="A47" s="34" t="s">
        <v>67</v>
      </c>
      <c r="B47" s="29"/>
      <c r="C47" s="101" t="s">
        <v>67</v>
      </c>
      <c r="D47" s="102"/>
      <c r="E47" s="57"/>
      <c r="F47" s="71"/>
    </row>
    <row r="48" spans="1:8">
      <c r="A48" s="40" t="s">
        <v>68</v>
      </c>
      <c r="B48" s="43"/>
      <c r="C48" s="103" t="s">
        <v>69</v>
      </c>
      <c r="D48" s="104"/>
      <c r="E48" s="58"/>
      <c r="F48" s="71"/>
    </row>
    <row r="49" spans="1:8">
      <c r="A49" s="2" t="s">
        <v>12</v>
      </c>
      <c r="B49" s="21">
        <f>SUM(B45:B48)</f>
        <v>0</v>
      </c>
      <c r="C49" s="95" t="s">
        <v>70</v>
      </c>
      <c r="D49" s="96"/>
      <c r="E49" s="21">
        <f>SUM(E45:E48)</f>
        <v>0</v>
      </c>
      <c r="F49" s="71"/>
    </row>
    <row r="50" spans="1:8">
      <c r="D50" s="5"/>
      <c r="E50" s="70"/>
      <c r="F50" s="71"/>
    </row>
    <row r="51" spans="1:8" ht="9.9" customHeight="1">
      <c r="A51" s="80" t="s">
        <v>71</v>
      </c>
      <c r="D51" s="59"/>
      <c r="E51" s="60"/>
      <c r="F51" s="60"/>
      <c r="G51" s="60"/>
      <c r="H51" s="60"/>
    </row>
    <row r="52" spans="1:8" ht="9.9" customHeight="1">
      <c r="A52" s="61" t="s">
        <v>72</v>
      </c>
      <c r="D52" s="59"/>
      <c r="E52" s="62"/>
      <c r="F52" s="62"/>
      <c r="G52" s="62"/>
      <c r="H52" s="62"/>
    </row>
    <row r="53" spans="1:8" ht="9.9" customHeight="1">
      <c r="A53" s="61" t="s">
        <v>73</v>
      </c>
      <c r="D53" s="63"/>
      <c r="E53" s="64"/>
      <c r="F53" s="64"/>
      <c r="G53" s="64"/>
      <c r="H53" s="64"/>
    </row>
    <row r="54" spans="1:8" ht="9.9" customHeight="1">
      <c r="A54" s="61" t="s">
        <v>74</v>
      </c>
      <c r="D54" s="60"/>
      <c r="E54" s="60"/>
      <c r="F54" s="60"/>
      <c r="G54" s="60"/>
      <c r="H54" s="60"/>
    </row>
    <row r="55" spans="1:8" ht="9.9" customHeight="1">
      <c r="A55" s="61" t="s">
        <v>75</v>
      </c>
      <c r="D55" s="27"/>
      <c r="E55" s="60"/>
      <c r="F55" s="60"/>
      <c r="G55" s="60"/>
      <c r="H55" s="60"/>
    </row>
    <row r="56" spans="1:8" ht="9.9" customHeight="1">
      <c r="A56" s="80" t="s">
        <v>77</v>
      </c>
    </row>
    <row r="57" spans="1:8" ht="9.9" customHeight="1">
      <c r="A57" s="61" t="s">
        <v>78</v>
      </c>
    </row>
  </sheetData>
  <mergeCells count="11">
    <mergeCell ref="C49:D49"/>
    <mergeCell ref="E1:H1"/>
    <mergeCell ref="G4:G5"/>
    <mergeCell ref="H4:H5"/>
    <mergeCell ref="A43:B43"/>
    <mergeCell ref="C43:E43"/>
    <mergeCell ref="C44:D44"/>
    <mergeCell ref="C45:D45"/>
    <mergeCell ref="C46:D46"/>
    <mergeCell ref="C47:D47"/>
    <mergeCell ref="C48:D48"/>
  </mergeCells>
  <phoneticPr fontId="1"/>
  <dataValidations count="1">
    <dataValidation imeMode="off" allowBlank="1" showInputMessage="1" showErrorMessage="1" sqref="E11:E19 B23:B31 B35:B40 B5:B9 E5:E7 B45:B48 E23:E36 B13:B19 E45:E48 H40:H42 H9:H35" xr:uid="{00000000-0002-0000-0300-000000000000}"/>
  </dataValidations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H57"/>
  <sheetViews>
    <sheetView zoomScaleNormal="100" workbookViewId="0"/>
  </sheetViews>
  <sheetFormatPr defaultRowHeight="14"/>
  <cols>
    <col min="1" max="1" width="15.6640625" customWidth="1"/>
    <col min="2" max="2" width="7.9140625" customWidth="1"/>
    <col min="3" max="3" width="1.58203125" customWidth="1"/>
    <col min="4" max="4" width="11.4140625" customWidth="1"/>
    <col min="5" max="5" width="8" customWidth="1"/>
    <col min="6" max="6" width="1.58203125" customWidth="1"/>
    <col min="7" max="7" width="25.58203125" customWidth="1"/>
    <col min="8" max="8" width="8.58203125" customWidth="1"/>
  </cols>
  <sheetData>
    <row r="1" spans="1:8" ht="14.5" thickBot="1">
      <c r="A1">
        <f>'4月'!$A$1</f>
        <v>2025</v>
      </c>
      <c r="B1" s="68" t="s">
        <v>119</v>
      </c>
      <c r="C1" s="69"/>
      <c r="D1" s="69" t="s">
        <v>76</v>
      </c>
      <c r="E1" s="111">
        <f>'4月'!$E$1</f>
        <v>0</v>
      </c>
      <c r="F1" s="112"/>
      <c r="G1" s="112"/>
      <c r="H1" s="112"/>
    </row>
    <row r="2" spans="1:8" ht="9.9" customHeight="1"/>
    <row r="3" spans="1:8">
      <c r="H3" s="1" t="s">
        <v>0</v>
      </c>
    </row>
    <row r="4" spans="1:8">
      <c r="A4" s="2" t="s">
        <v>1</v>
      </c>
      <c r="B4" s="3" t="s">
        <v>2</v>
      </c>
      <c r="D4" s="4" t="s">
        <v>3</v>
      </c>
      <c r="E4" s="3" t="s">
        <v>2</v>
      </c>
      <c r="F4" s="5"/>
      <c r="G4" s="105" t="s">
        <v>4</v>
      </c>
      <c r="H4" s="107"/>
    </row>
    <row r="5" spans="1:8">
      <c r="A5" s="6" t="s">
        <v>5</v>
      </c>
      <c r="B5" s="7"/>
      <c r="D5" s="8" t="s">
        <v>6</v>
      </c>
      <c r="E5" s="9"/>
      <c r="F5" s="10"/>
      <c r="G5" s="106"/>
      <c r="H5" s="108"/>
    </row>
    <row r="6" spans="1:8">
      <c r="A6" s="11" t="s">
        <v>7</v>
      </c>
      <c r="B6" s="12"/>
      <c r="D6" s="13" t="s">
        <v>8</v>
      </c>
      <c r="E6" s="14"/>
      <c r="F6" s="10"/>
      <c r="G6" s="10"/>
      <c r="H6" s="10"/>
    </row>
    <row r="7" spans="1:8">
      <c r="A7" s="11" t="s">
        <v>9</v>
      </c>
      <c r="B7" s="12"/>
      <c r="D7" s="15" t="s">
        <v>10</v>
      </c>
      <c r="E7" s="16"/>
      <c r="F7" s="10"/>
      <c r="G7" s="10" t="s">
        <v>95</v>
      </c>
      <c r="H7" s="10"/>
    </row>
    <row r="8" spans="1:8">
      <c r="A8" s="11" t="s">
        <v>11</v>
      </c>
      <c r="B8" s="12"/>
      <c r="D8" s="2" t="s">
        <v>12</v>
      </c>
      <c r="E8" s="17">
        <f>SUM(E5:E7)</f>
        <v>0</v>
      </c>
      <c r="F8" s="18"/>
      <c r="G8" s="2" t="s">
        <v>80</v>
      </c>
      <c r="H8" s="3" t="s">
        <v>81</v>
      </c>
    </row>
    <row r="9" spans="1:8">
      <c r="A9" s="19" t="s">
        <v>13</v>
      </c>
      <c r="B9" s="20"/>
      <c r="G9" s="81" t="s">
        <v>82</v>
      </c>
      <c r="H9" s="56"/>
    </row>
    <row r="10" spans="1:8">
      <c r="A10" s="2" t="s">
        <v>12</v>
      </c>
      <c r="B10" s="21">
        <f>SUM(B5:B9)</f>
        <v>0</v>
      </c>
      <c r="D10" s="22" t="s">
        <v>14</v>
      </c>
      <c r="E10" s="3" t="s">
        <v>2</v>
      </c>
      <c r="F10" s="5"/>
      <c r="G10" s="72" t="s">
        <v>110</v>
      </c>
      <c r="H10" s="57"/>
    </row>
    <row r="11" spans="1:8">
      <c r="D11" s="23" t="s">
        <v>15</v>
      </c>
      <c r="E11" s="24"/>
      <c r="F11" s="25"/>
      <c r="G11" s="73" t="s">
        <v>90</v>
      </c>
      <c r="H11" s="57"/>
    </row>
    <row r="12" spans="1:8">
      <c r="A12" s="26" t="s">
        <v>16</v>
      </c>
      <c r="B12" s="3" t="s">
        <v>2</v>
      </c>
      <c r="C12" s="27"/>
      <c r="D12" s="28" t="s">
        <v>17</v>
      </c>
      <c r="E12" s="29"/>
      <c r="F12" s="25"/>
      <c r="G12" s="73" t="s">
        <v>83</v>
      </c>
      <c r="H12" s="57"/>
    </row>
    <row r="13" spans="1:8">
      <c r="A13" s="30" t="s">
        <v>18</v>
      </c>
      <c r="B13" s="31"/>
      <c r="C13" s="27"/>
      <c r="D13" s="32" t="s">
        <v>19</v>
      </c>
      <c r="E13" s="33"/>
      <c r="F13" s="25"/>
      <c r="G13" s="73" t="s">
        <v>114</v>
      </c>
      <c r="H13" s="57"/>
    </row>
    <row r="14" spans="1:8">
      <c r="A14" s="34" t="s">
        <v>20</v>
      </c>
      <c r="B14" s="35"/>
      <c r="C14" s="36"/>
      <c r="D14" s="37" t="s">
        <v>21</v>
      </c>
      <c r="E14" s="38"/>
      <c r="F14" s="39"/>
      <c r="G14" s="73" t="s">
        <v>84</v>
      </c>
      <c r="H14" s="57"/>
    </row>
    <row r="15" spans="1:8">
      <c r="A15" s="34" t="s">
        <v>22</v>
      </c>
      <c r="B15" s="35"/>
      <c r="C15" s="25"/>
      <c r="D15" s="28" t="s">
        <v>23</v>
      </c>
      <c r="E15" s="29"/>
      <c r="F15" s="25"/>
      <c r="G15" s="74" t="s">
        <v>85</v>
      </c>
      <c r="H15" s="57"/>
    </row>
    <row r="16" spans="1:8">
      <c r="A16" s="34" t="s">
        <v>24</v>
      </c>
      <c r="B16" s="35"/>
      <c r="C16" s="25"/>
      <c r="D16" s="28" t="s">
        <v>25</v>
      </c>
      <c r="E16" s="29"/>
      <c r="F16" s="25"/>
      <c r="G16" s="73" t="s">
        <v>111</v>
      </c>
      <c r="H16" s="57"/>
    </row>
    <row r="17" spans="1:8">
      <c r="A17" s="34" t="s">
        <v>26</v>
      </c>
      <c r="B17" s="35"/>
      <c r="C17" s="25"/>
      <c r="D17" s="28" t="s">
        <v>27</v>
      </c>
      <c r="E17" s="29"/>
      <c r="F17" s="25"/>
      <c r="G17" s="73" t="s">
        <v>86</v>
      </c>
      <c r="H17" s="57"/>
    </row>
    <row r="18" spans="1:8">
      <c r="A18" s="34" t="s">
        <v>28</v>
      </c>
      <c r="B18" s="35"/>
      <c r="C18" s="25"/>
      <c r="D18" s="28" t="s">
        <v>29</v>
      </c>
      <c r="E18" s="29"/>
      <c r="F18" s="25"/>
      <c r="G18" s="73" t="s">
        <v>112</v>
      </c>
      <c r="H18" s="57"/>
    </row>
    <row r="19" spans="1:8">
      <c r="A19" s="40" t="s">
        <v>30</v>
      </c>
      <c r="B19" s="41"/>
      <c r="C19" s="25"/>
      <c r="D19" s="42" t="s">
        <v>31</v>
      </c>
      <c r="E19" s="43"/>
      <c r="F19" s="25"/>
      <c r="G19" s="73" t="s">
        <v>87</v>
      </c>
      <c r="H19" s="57"/>
    </row>
    <row r="20" spans="1:8">
      <c r="A20" s="2" t="s">
        <v>12</v>
      </c>
      <c r="B20" s="21">
        <f>SUM(B13:B19)</f>
        <v>0</v>
      </c>
      <c r="C20" s="25"/>
      <c r="D20" s="2" t="s">
        <v>12</v>
      </c>
      <c r="E20" s="21">
        <f>SUM(E11:E19)</f>
        <v>0</v>
      </c>
      <c r="F20" s="18"/>
      <c r="G20" s="73" t="s">
        <v>88</v>
      </c>
      <c r="H20" s="57"/>
    </row>
    <row r="21" spans="1:8">
      <c r="A21" s="27"/>
      <c r="B21" s="44" t="s">
        <v>32</v>
      </c>
      <c r="C21" s="25"/>
      <c r="D21" s="45"/>
      <c r="E21" s="46"/>
      <c r="F21" s="46"/>
      <c r="G21" s="75" t="s">
        <v>89</v>
      </c>
      <c r="H21" s="57"/>
    </row>
    <row r="22" spans="1:8">
      <c r="A22" s="67" t="s">
        <v>33</v>
      </c>
      <c r="B22" s="3" t="s">
        <v>2</v>
      </c>
      <c r="C22" s="25"/>
      <c r="D22" s="79" t="s">
        <v>104</v>
      </c>
      <c r="E22" s="3" t="s">
        <v>2</v>
      </c>
      <c r="F22" s="5"/>
      <c r="G22" s="76" t="s">
        <v>91</v>
      </c>
      <c r="H22" s="57"/>
    </row>
    <row r="23" spans="1:8">
      <c r="A23" s="30" t="s">
        <v>34</v>
      </c>
      <c r="B23" s="24"/>
      <c r="C23" s="44"/>
      <c r="D23" s="23" t="s">
        <v>35</v>
      </c>
      <c r="E23" s="24"/>
      <c r="F23" s="25"/>
      <c r="G23" s="77" t="s">
        <v>92</v>
      </c>
      <c r="H23" s="57"/>
    </row>
    <row r="24" spans="1:8">
      <c r="A24" s="34" t="s">
        <v>36</v>
      </c>
      <c r="B24" s="29"/>
      <c r="C24" s="36"/>
      <c r="D24" s="28" t="s">
        <v>37</v>
      </c>
      <c r="E24" s="29"/>
      <c r="F24" s="25"/>
      <c r="G24" s="73" t="s">
        <v>93</v>
      </c>
      <c r="H24" s="57"/>
    </row>
    <row r="25" spans="1:8">
      <c r="A25" s="34" t="s">
        <v>38</v>
      </c>
      <c r="B25" s="29"/>
      <c r="C25" s="25"/>
      <c r="D25" s="28" t="s">
        <v>39</v>
      </c>
      <c r="E25" s="29"/>
      <c r="F25" s="25"/>
      <c r="G25" s="73" t="s">
        <v>94</v>
      </c>
      <c r="H25" s="57"/>
    </row>
    <row r="26" spans="1:8">
      <c r="A26" s="34" t="s">
        <v>40</v>
      </c>
      <c r="B26" s="29"/>
      <c r="C26" s="25"/>
      <c r="D26" s="28" t="s">
        <v>41</v>
      </c>
      <c r="E26" s="29"/>
      <c r="F26" s="25"/>
      <c r="G26" s="73" t="s">
        <v>113</v>
      </c>
      <c r="H26" s="57"/>
    </row>
    <row r="27" spans="1:8">
      <c r="A27" s="47" t="s">
        <v>42</v>
      </c>
      <c r="B27" s="29"/>
      <c r="C27" s="25"/>
      <c r="D27" s="28" t="s">
        <v>43</v>
      </c>
      <c r="E27" s="29"/>
      <c r="F27" s="25"/>
      <c r="G27" s="73" t="s">
        <v>96</v>
      </c>
      <c r="H27" s="57"/>
    </row>
    <row r="28" spans="1:8">
      <c r="A28" s="34" t="s">
        <v>44</v>
      </c>
      <c r="B28" s="29"/>
      <c r="C28" s="25"/>
      <c r="D28" s="28" t="s">
        <v>45</v>
      </c>
      <c r="E28" s="29"/>
      <c r="F28" s="25"/>
      <c r="G28" s="73" t="s">
        <v>97</v>
      </c>
      <c r="H28" s="57"/>
    </row>
    <row r="29" spans="1:8">
      <c r="A29" s="34" t="s">
        <v>46</v>
      </c>
      <c r="B29" s="29"/>
      <c r="C29" s="25"/>
      <c r="D29" s="28" t="s">
        <v>47</v>
      </c>
      <c r="E29" s="29"/>
      <c r="F29" s="25"/>
      <c r="G29" s="73" t="s">
        <v>98</v>
      </c>
      <c r="H29" s="57"/>
    </row>
    <row r="30" spans="1:8">
      <c r="A30" s="34" t="s">
        <v>48</v>
      </c>
      <c r="B30" s="29"/>
      <c r="C30" s="25"/>
      <c r="D30" s="28" t="s">
        <v>49</v>
      </c>
      <c r="E30" s="29"/>
      <c r="F30" s="25"/>
      <c r="G30" s="73" t="s">
        <v>99</v>
      </c>
      <c r="H30" s="57"/>
    </row>
    <row r="31" spans="1:8">
      <c r="A31" s="40" t="s">
        <v>31</v>
      </c>
      <c r="B31" s="43"/>
      <c r="C31" s="25"/>
      <c r="D31" s="28" t="s">
        <v>50</v>
      </c>
      <c r="E31" s="29"/>
      <c r="F31" s="25"/>
      <c r="G31" s="73" t="s">
        <v>100</v>
      </c>
      <c r="H31" s="57"/>
    </row>
    <row r="32" spans="1:8">
      <c r="A32" s="2" t="s">
        <v>12</v>
      </c>
      <c r="B32" s="21">
        <f>SUM(B23:B31)</f>
        <v>0</v>
      </c>
      <c r="C32" s="44"/>
      <c r="D32" s="28" t="s">
        <v>51</v>
      </c>
      <c r="E32" s="29"/>
      <c r="F32" s="25"/>
      <c r="G32" s="73" t="s">
        <v>101</v>
      </c>
      <c r="H32" s="57"/>
    </row>
    <row r="33" spans="1:8">
      <c r="A33" s="27"/>
      <c r="B33" s="44" t="s">
        <v>52</v>
      </c>
      <c r="C33" s="36"/>
      <c r="D33" s="28" t="s">
        <v>53</v>
      </c>
      <c r="E33" s="29"/>
      <c r="F33" s="25"/>
      <c r="G33" s="73" t="s">
        <v>102</v>
      </c>
      <c r="H33" s="57"/>
    </row>
    <row r="34" spans="1:8">
      <c r="A34" s="48" t="s">
        <v>54</v>
      </c>
      <c r="B34" s="3" t="s">
        <v>2</v>
      </c>
      <c r="C34" s="25"/>
      <c r="D34" s="28" t="s">
        <v>55</v>
      </c>
      <c r="E34" s="29"/>
      <c r="F34" s="25"/>
      <c r="G34" s="73" t="s">
        <v>103</v>
      </c>
      <c r="H34" s="57"/>
    </row>
    <row r="35" spans="1:8">
      <c r="A35" s="49" t="s">
        <v>56</v>
      </c>
      <c r="B35" s="24"/>
      <c r="C35" s="25"/>
      <c r="D35" s="50" t="s">
        <v>57</v>
      </c>
      <c r="E35" s="51"/>
      <c r="F35" s="25"/>
      <c r="G35" s="78" t="s">
        <v>115</v>
      </c>
      <c r="H35" s="58"/>
    </row>
    <row r="36" spans="1:8">
      <c r="A36" s="52" t="s">
        <v>58</v>
      </c>
      <c r="B36" s="29"/>
      <c r="C36" s="53"/>
      <c r="D36" s="54" t="s">
        <v>30</v>
      </c>
      <c r="E36" s="55"/>
      <c r="F36" s="25"/>
      <c r="G36" s="2" t="s">
        <v>12</v>
      </c>
      <c r="H36" s="21">
        <f>SUM(H9:H35)</f>
        <v>0</v>
      </c>
    </row>
    <row r="37" spans="1:8">
      <c r="A37" s="52" t="s">
        <v>59</v>
      </c>
      <c r="B37" s="29"/>
      <c r="C37" s="25"/>
      <c r="D37" s="2" t="s">
        <v>12</v>
      </c>
      <c r="E37" s="21">
        <f>SUM(E23:E36)</f>
        <v>0</v>
      </c>
      <c r="F37" s="18"/>
    </row>
    <row r="38" spans="1:8">
      <c r="A38" s="52" t="s">
        <v>60</v>
      </c>
      <c r="B38" s="29"/>
      <c r="C38" s="27"/>
      <c r="D38" s="27"/>
      <c r="E38" s="27"/>
      <c r="F38" s="27"/>
      <c r="G38" s="18" t="s">
        <v>116</v>
      </c>
      <c r="H38" s="18"/>
    </row>
    <row r="39" spans="1:8">
      <c r="A39" s="52" t="s">
        <v>61</v>
      </c>
      <c r="B39" s="29"/>
      <c r="C39" s="27"/>
      <c r="G39" s="83" t="s">
        <v>105</v>
      </c>
      <c r="H39" s="84" t="s">
        <v>81</v>
      </c>
    </row>
    <row r="40" spans="1:8">
      <c r="A40" s="40" t="s">
        <v>31</v>
      </c>
      <c r="B40" s="43"/>
      <c r="C40" s="27"/>
      <c r="G40" s="85"/>
      <c r="H40" s="57"/>
    </row>
    <row r="41" spans="1:8">
      <c r="A41" s="2" t="s">
        <v>12</v>
      </c>
      <c r="B41" s="21">
        <f>SUM(B35:B40)</f>
        <v>0</v>
      </c>
      <c r="C41" s="27"/>
      <c r="G41" s="86"/>
      <c r="H41" s="57"/>
    </row>
    <row r="42" spans="1:8">
      <c r="A42" s="25"/>
      <c r="B42" s="25"/>
      <c r="C42" s="27"/>
      <c r="G42" s="87"/>
      <c r="H42" s="57"/>
    </row>
    <row r="43" spans="1:8">
      <c r="A43" s="109" t="s">
        <v>62</v>
      </c>
      <c r="B43" s="109"/>
      <c r="C43" s="109" t="s">
        <v>63</v>
      </c>
      <c r="D43" s="110"/>
      <c r="E43" s="110"/>
      <c r="G43" s="88" t="s">
        <v>107</v>
      </c>
      <c r="H43" s="82">
        <f>SUM(H40:H42)</f>
        <v>0</v>
      </c>
    </row>
    <row r="44" spans="1:8">
      <c r="A44" s="26" t="s">
        <v>64</v>
      </c>
      <c r="B44" s="3" t="s">
        <v>2</v>
      </c>
      <c r="C44" s="97" t="s">
        <v>64</v>
      </c>
      <c r="D44" s="98"/>
      <c r="E44" s="3" t="s">
        <v>2</v>
      </c>
    </row>
    <row r="45" spans="1:8">
      <c r="A45" s="30" t="s">
        <v>65</v>
      </c>
      <c r="B45" s="24"/>
      <c r="C45" s="99" t="s">
        <v>65</v>
      </c>
      <c r="D45" s="100"/>
      <c r="E45" s="56"/>
    </row>
    <row r="46" spans="1:8">
      <c r="A46" s="34" t="s">
        <v>66</v>
      </c>
      <c r="B46" s="29"/>
      <c r="C46" s="101" t="s">
        <v>66</v>
      </c>
      <c r="D46" s="102"/>
      <c r="E46" s="57"/>
      <c r="F46" s="71"/>
    </row>
    <row r="47" spans="1:8">
      <c r="A47" s="34" t="s">
        <v>67</v>
      </c>
      <c r="B47" s="29"/>
      <c r="C47" s="101" t="s">
        <v>67</v>
      </c>
      <c r="D47" s="102"/>
      <c r="E47" s="57"/>
      <c r="F47" s="71"/>
    </row>
    <row r="48" spans="1:8">
      <c r="A48" s="40" t="s">
        <v>68</v>
      </c>
      <c r="B48" s="43"/>
      <c r="C48" s="103" t="s">
        <v>69</v>
      </c>
      <c r="D48" s="104"/>
      <c r="E48" s="58"/>
      <c r="F48" s="71"/>
    </row>
    <row r="49" spans="1:8">
      <c r="A49" s="2" t="s">
        <v>12</v>
      </c>
      <c r="B49" s="21">
        <f>SUM(B45:B48)</f>
        <v>0</v>
      </c>
      <c r="C49" s="95" t="s">
        <v>70</v>
      </c>
      <c r="D49" s="96"/>
      <c r="E49" s="21">
        <f>SUM(E45:E48)</f>
        <v>0</v>
      </c>
      <c r="F49" s="71"/>
    </row>
    <row r="50" spans="1:8">
      <c r="D50" s="5"/>
      <c r="E50" s="70"/>
      <c r="F50" s="71"/>
    </row>
    <row r="51" spans="1:8" ht="9.9" customHeight="1">
      <c r="A51" s="80" t="s">
        <v>71</v>
      </c>
      <c r="D51" s="59"/>
      <c r="E51" s="60"/>
      <c r="F51" s="60"/>
      <c r="G51" s="60"/>
      <c r="H51" s="60"/>
    </row>
    <row r="52" spans="1:8" ht="9.9" customHeight="1">
      <c r="A52" s="61" t="s">
        <v>72</v>
      </c>
      <c r="D52" s="59"/>
      <c r="E52" s="62"/>
      <c r="F52" s="62"/>
      <c r="G52" s="62"/>
      <c r="H52" s="62"/>
    </row>
    <row r="53" spans="1:8" ht="9.9" customHeight="1">
      <c r="A53" s="61" t="s">
        <v>73</v>
      </c>
      <c r="D53" s="63"/>
      <c r="E53" s="64"/>
      <c r="F53" s="64"/>
      <c r="G53" s="64"/>
      <c r="H53" s="64"/>
    </row>
    <row r="54" spans="1:8" ht="9.9" customHeight="1">
      <c r="A54" s="61" t="s">
        <v>74</v>
      </c>
      <c r="D54" s="60"/>
      <c r="E54" s="60"/>
      <c r="F54" s="60"/>
      <c r="G54" s="60"/>
      <c r="H54" s="60"/>
    </row>
    <row r="55" spans="1:8" ht="9.9" customHeight="1">
      <c r="A55" s="61" t="s">
        <v>75</v>
      </c>
      <c r="D55" s="27"/>
      <c r="E55" s="60"/>
      <c r="F55" s="60"/>
      <c r="G55" s="60"/>
      <c r="H55" s="60"/>
    </row>
    <row r="56" spans="1:8" ht="9.9" customHeight="1">
      <c r="A56" s="80" t="s">
        <v>77</v>
      </c>
    </row>
    <row r="57" spans="1:8" ht="9.9" customHeight="1">
      <c r="A57" s="61" t="s">
        <v>78</v>
      </c>
    </row>
  </sheetData>
  <mergeCells count="11">
    <mergeCell ref="C49:D49"/>
    <mergeCell ref="E1:H1"/>
    <mergeCell ref="G4:G5"/>
    <mergeCell ref="H4:H5"/>
    <mergeCell ref="A43:B43"/>
    <mergeCell ref="C43:E43"/>
    <mergeCell ref="C44:D44"/>
    <mergeCell ref="C45:D45"/>
    <mergeCell ref="C46:D46"/>
    <mergeCell ref="C47:D47"/>
    <mergeCell ref="C48:D48"/>
  </mergeCells>
  <phoneticPr fontId="1"/>
  <dataValidations count="1">
    <dataValidation imeMode="off" allowBlank="1" showInputMessage="1" showErrorMessage="1" sqref="E11:E19 B23:B31 B35:B40 B5:B9 E5:E7 B45:B48 E23:E36 B13:B19 E45:E48 H40:H42 H9:H35" xr:uid="{00000000-0002-0000-0400-000000000000}"/>
  </dataValidations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H57"/>
  <sheetViews>
    <sheetView zoomScaleNormal="100" workbookViewId="0"/>
  </sheetViews>
  <sheetFormatPr defaultRowHeight="14"/>
  <cols>
    <col min="1" max="1" width="15.6640625" customWidth="1"/>
    <col min="2" max="2" width="7.9140625" customWidth="1"/>
    <col min="3" max="3" width="1.58203125" customWidth="1"/>
    <col min="4" max="4" width="11.4140625" customWidth="1"/>
    <col min="5" max="5" width="8" customWidth="1"/>
    <col min="6" max="6" width="1.58203125" customWidth="1"/>
    <col min="7" max="7" width="25.58203125" customWidth="1"/>
    <col min="8" max="8" width="8.58203125" customWidth="1"/>
  </cols>
  <sheetData>
    <row r="1" spans="1:8" ht="14.5" thickBot="1">
      <c r="A1">
        <f>'4月'!$A$1</f>
        <v>2025</v>
      </c>
      <c r="B1" s="68" t="s">
        <v>120</v>
      </c>
      <c r="C1" s="69"/>
      <c r="D1" s="69" t="s">
        <v>76</v>
      </c>
      <c r="E1" s="111">
        <f>'4月'!$E$1</f>
        <v>0</v>
      </c>
      <c r="F1" s="112"/>
      <c r="G1" s="112"/>
      <c r="H1" s="112"/>
    </row>
    <row r="2" spans="1:8" ht="9.9" customHeight="1"/>
    <row r="3" spans="1:8">
      <c r="H3" s="1" t="s">
        <v>0</v>
      </c>
    </row>
    <row r="4" spans="1:8">
      <c r="A4" s="2" t="s">
        <v>1</v>
      </c>
      <c r="B4" s="3" t="s">
        <v>2</v>
      </c>
      <c r="D4" s="4" t="s">
        <v>3</v>
      </c>
      <c r="E4" s="3" t="s">
        <v>2</v>
      </c>
      <c r="F4" s="5"/>
      <c r="G4" s="105" t="s">
        <v>4</v>
      </c>
      <c r="H4" s="107"/>
    </row>
    <row r="5" spans="1:8">
      <c r="A5" s="6" t="s">
        <v>5</v>
      </c>
      <c r="B5" s="7"/>
      <c r="D5" s="8" t="s">
        <v>6</v>
      </c>
      <c r="E5" s="9"/>
      <c r="F5" s="10"/>
      <c r="G5" s="106"/>
      <c r="H5" s="108"/>
    </row>
    <row r="6" spans="1:8">
      <c r="A6" s="11" t="s">
        <v>7</v>
      </c>
      <c r="B6" s="12"/>
      <c r="D6" s="13" t="s">
        <v>8</v>
      </c>
      <c r="E6" s="14"/>
      <c r="F6" s="10"/>
      <c r="G6" s="10"/>
      <c r="H6" s="10"/>
    </row>
    <row r="7" spans="1:8">
      <c r="A7" s="11" t="s">
        <v>9</v>
      </c>
      <c r="B7" s="12"/>
      <c r="D7" s="15" t="s">
        <v>10</v>
      </c>
      <c r="E7" s="16"/>
      <c r="F7" s="10"/>
      <c r="G7" s="10" t="s">
        <v>95</v>
      </c>
      <c r="H7" s="10"/>
    </row>
    <row r="8" spans="1:8">
      <c r="A8" s="11" t="s">
        <v>11</v>
      </c>
      <c r="B8" s="12"/>
      <c r="D8" s="2" t="s">
        <v>12</v>
      </c>
      <c r="E8" s="17">
        <f>SUM(E5:E7)</f>
        <v>0</v>
      </c>
      <c r="F8" s="18"/>
      <c r="G8" s="2" t="s">
        <v>80</v>
      </c>
      <c r="H8" s="3" t="s">
        <v>81</v>
      </c>
    </row>
    <row r="9" spans="1:8">
      <c r="A9" s="19" t="s">
        <v>13</v>
      </c>
      <c r="B9" s="20"/>
      <c r="G9" s="81" t="s">
        <v>82</v>
      </c>
      <c r="H9" s="56"/>
    </row>
    <row r="10" spans="1:8">
      <c r="A10" s="2" t="s">
        <v>12</v>
      </c>
      <c r="B10" s="21">
        <f>SUM(B5:B9)</f>
        <v>0</v>
      </c>
      <c r="D10" s="22" t="s">
        <v>14</v>
      </c>
      <c r="E10" s="3" t="s">
        <v>2</v>
      </c>
      <c r="F10" s="5"/>
      <c r="G10" s="72" t="s">
        <v>110</v>
      </c>
      <c r="H10" s="57"/>
    </row>
    <row r="11" spans="1:8">
      <c r="D11" s="23" t="s">
        <v>15</v>
      </c>
      <c r="E11" s="24"/>
      <c r="F11" s="25"/>
      <c r="G11" s="73" t="s">
        <v>90</v>
      </c>
      <c r="H11" s="57"/>
    </row>
    <row r="12" spans="1:8">
      <c r="A12" s="26" t="s">
        <v>16</v>
      </c>
      <c r="B12" s="3" t="s">
        <v>2</v>
      </c>
      <c r="C12" s="27"/>
      <c r="D12" s="28" t="s">
        <v>17</v>
      </c>
      <c r="E12" s="29"/>
      <c r="F12" s="25"/>
      <c r="G12" s="73" t="s">
        <v>83</v>
      </c>
      <c r="H12" s="57"/>
    </row>
    <row r="13" spans="1:8">
      <c r="A13" s="30" t="s">
        <v>18</v>
      </c>
      <c r="B13" s="31"/>
      <c r="C13" s="27"/>
      <c r="D13" s="32" t="s">
        <v>19</v>
      </c>
      <c r="E13" s="33"/>
      <c r="F13" s="25"/>
      <c r="G13" s="73" t="s">
        <v>114</v>
      </c>
      <c r="H13" s="57"/>
    </row>
    <row r="14" spans="1:8">
      <c r="A14" s="34" t="s">
        <v>20</v>
      </c>
      <c r="B14" s="35"/>
      <c r="C14" s="36"/>
      <c r="D14" s="37" t="s">
        <v>21</v>
      </c>
      <c r="E14" s="38"/>
      <c r="F14" s="39"/>
      <c r="G14" s="73" t="s">
        <v>84</v>
      </c>
      <c r="H14" s="57"/>
    </row>
    <row r="15" spans="1:8">
      <c r="A15" s="34" t="s">
        <v>22</v>
      </c>
      <c r="B15" s="35"/>
      <c r="C15" s="25"/>
      <c r="D15" s="28" t="s">
        <v>23</v>
      </c>
      <c r="E15" s="29"/>
      <c r="F15" s="25"/>
      <c r="G15" s="74" t="s">
        <v>85</v>
      </c>
      <c r="H15" s="57"/>
    </row>
    <row r="16" spans="1:8">
      <c r="A16" s="34" t="s">
        <v>24</v>
      </c>
      <c r="B16" s="35"/>
      <c r="C16" s="25"/>
      <c r="D16" s="28" t="s">
        <v>25</v>
      </c>
      <c r="E16" s="29"/>
      <c r="F16" s="25"/>
      <c r="G16" s="73" t="s">
        <v>111</v>
      </c>
      <c r="H16" s="57"/>
    </row>
    <row r="17" spans="1:8">
      <c r="A17" s="34" t="s">
        <v>26</v>
      </c>
      <c r="B17" s="35"/>
      <c r="C17" s="25"/>
      <c r="D17" s="28" t="s">
        <v>27</v>
      </c>
      <c r="E17" s="29"/>
      <c r="F17" s="25"/>
      <c r="G17" s="73" t="s">
        <v>86</v>
      </c>
      <c r="H17" s="57"/>
    </row>
    <row r="18" spans="1:8">
      <c r="A18" s="34" t="s">
        <v>28</v>
      </c>
      <c r="B18" s="35"/>
      <c r="C18" s="25"/>
      <c r="D18" s="28" t="s">
        <v>29</v>
      </c>
      <c r="E18" s="29"/>
      <c r="F18" s="25"/>
      <c r="G18" s="73" t="s">
        <v>112</v>
      </c>
      <c r="H18" s="57"/>
    </row>
    <row r="19" spans="1:8">
      <c r="A19" s="40" t="s">
        <v>30</v>
      </c>
      <c r="B19" s="41"/>
      <c r="C19" s="25"/>
      <c r="D19" s="42" t="s">
        <v>31</v>
      </c>
      <c r="E19" s="43"/>
      <c r="F19" s="25"/>
      <c r="G19" s="73" t="s">
        <v>87</v>
      </c>
      <c r="H19" s="57"/>
    </row>
    <row r="20" spans="1:8">
      <c r="A20" s="2" t="s">
        <v>12</v>
      </c>
      <c r="B20" s="21">
        <f>SUM(B13:B19)</f>
        <v>0</v>
      </c>
      <c r="C20" s="25"/>
      <c r="D20" s="2" t="s">
        <v>12</v>
      </c>
      <c r="E20" s="21">
        <f>SUM(E11:E19)</f>
        <v>0</v>
      </c>
      <c r="F20" s="18"/>
      <c r="G20" s="73" t="s">
        <v>88</v>
      </c>
      <c r="H20" s="57"/>
    </row>
    <row r="21" spans="1:8">
      <c r="A21" s="27"/>
      <c r="B21" s="44" t="s">
        <v>32</v>
      </c>
      <c r="C21" s="25"/>
      <c r="D21" s="45"/>
      <c r="E21" s="46"/>
      <c r="F21" s="46"/>
      <c r="G21" s="75" t="s">
        <v>89</v>
      </c>
      <c r="H21" s="57"/>
    </row>
    <row r="22" spans="1:8">
      <c r="A22" s="67" t="s">
        <v>33</v>
      </c>
      <c r="B22" s="3" t="s">
        <v>2</v>
      </c>
      <c r="C22" s="25"/>
      <c r="D22" s="79" t="s">
        <v>104</v>
      </c>
      <c r="E22" s="3" t="s">
        <v>2</v>
      </c>
      <c r="F22" s="5"/>
      <c r="G22" s="76" t="s">
        <v>91</v>
      </c>
      <c r="H22" s="57"/>
    </row>
    <row r="23" spans="1:8">
      <c r="A23" s="30" t="s">
        <v>34</v>
      </c>
      <c r="B23" s="24"/>
      <c r="C23" s="44"/>
      <c r="D23" s="23" t="s">
        <v>35</v>
      </c>
      <c r="E23" s="24"/>
      <c r="F23" s="25"/>
      <c r="G23" s="77" t="s">
        <v>92</v>
      </c>
      <c r="H23" s="57"/>
    </row>
    <row r="24" spans="1:8">
      <c r="A24" s="34" t="s">
        <v>36</v>
      </c>
      <c r="B24" s="29"/>
      <c r="C24" s="36"/>
      <c r="D24" s="28" t="s">
        <v>37</v>
      </c>
      <c r="E24" s="29"/>
      <c r="F24" s="25"/>
      <c r="G24" s="73" t="s">
        <v>93</v>
      </c>
      <c r="H24" s="57"/>
    </row>
    <row r="25" spans="1:8">
      <c r="A25" s="34" t="s">
        <v>38</v>
      </c>
      <c r="B25" s="29"/>
      <c r="C25" s="25"/>
      <c r="D25" s="28" t="s">
        <v>39</v>
      </c>
      <c r="E25" s="29"/>
      <c r="F25" s="25"/>
      <c r="G25" s="73" t="s">
        <v>94</v>
      </c>
      <c r="H25" s="57"/>
    </row>
    <row r="26" spans="1:8">
      <c r="A26" s="34" t="s">
        <v>40</v>
      </c>
      <c r="B26" s="29"/>
      <c r="C26" s="25"/>
      <c r="D26" s="28" t="s">
        <v>41</v>
      </c>
      <c r="E26" s="29"/>
      <c r="F26" s="25"/>
      <c r="G26" s="73" t="s">
        <v>113</v>
      </c>
      <c r="H26" s="57"/>
    </row>
    <row r="27" spans="1:8">
      <c r="A27" s="47" t="s">
        <v>42</v>
      </c>
      <c r="B27" s="29"/>
      <c r="C27" s="25"/>
      <c r="D27" s="28" t="s">
        <v>43</v>
      </c>
      <c r="E27" s="29"/>
      <c r="F27" s="25"/>
      <c r="G27" s="73" t="s">
        <v>96</v>
      </c>
      <c r="H27" s="57"/>
    </row>
    <row r="28" spans="1:8">
      <c r="A28" s="34" t="s">
        <v>44</v>
      </c>
      <c r="B28" s="29"/>
      <c r="C28" s="25"/>
      <c r="D28" s="28" t="s">
        <v>45</v>
      </c>
      <c r="E28" s="29"/>
      <c r="F28" s="25"/>
      <c r="G28" s="73" t="s">
        <v>97</v>
      </c>
      <c r="H28" s="57"/>
    </row>
    <row r="29" spans="1:8">
      <c r="A29" s="34" t="s">
        <v>46</v>
      </c>
      <c r="B29" s="29"/>
      <c r="C29" s="25"/>
      <c r="D29" s="28" t="s">
        <v>47</v>
      </c>
      <c r="E29" s="29"/>
      <c r="F29" s="25"/>
      <c r="G29" s="73" t="s">
        <v>98</v>
      </c>
      <c r="H29" s="57"/>
    </row>
    <row r="30" spans="1:8">
      <c r="A30" s="34" t="s">
        <v>48</v>
      </c>
      <c r="B30" s="29"/>
      <c r="C30" s="25"/>
      <c r="D30" s="28" t="s">
        <v>49</v>
      </c>
      <c r="E30" s="29"/>
      <c r="F30" s="25"/>
      <c r="G30" s="73" t="s">
        <v>99</v>
      </c>
      <c r="H30" s="57"/>
    </row>
    <row r="31" spans="1:8">
      <c r="A31" s="40" t="s">
        <v>31</v>
      </c>
      <c r="B31" s="43"/>
      <c r="C31" s="25"/>
      <c r="D31" s="28" t="s">
        <v>50</v>
      </c>
      <c r="E31" s="29"/>
      <c r="F31" s="25"/>
      <c r="G31" s="73" t="s">
        <v>100</v>
      </c>
      <c r="H31" s="57"/>
    </row>
    <row r="32" spans="1:8">
      <c r="A32" s="2" t="s">
        <v>12</v>
      </c>
      <c r="B32" s="21">
        <f>SUM(B23:B31)</f>
        <v>0</v>
      </c>
      <c r="C32" s="44"/>
      <c r="D32" s="28" t="s">
        <v>51</v>
      </c>
      <c r="E32" s="29"/>
      <c r="F32" s="25"/>
      <c r="G32" s="73" t="s">
        <v>101</v>
      </c>
      <c r="H32" s="57"/>
    </row>
    <row r="33" spans="1:8">
      <c r="A33" s="27"/>
      <c r="B33" s="44" t="s">
        <v>52</v>
      </c>
      <c r="C33" s="36"/>
      <c r="D33" s="28" t="s">
        <v>53</v>
      </c>
      <c r="E33" s="29"/>
      <c r="F33" s="25"/>
      <c r="G33" s="73" t="s">
        <v>102</v>
      </c>
      <c r="H33" s="57"/>
    </row>
    <row r="34" spans="1:8">
      <c r="A34" s="48" t="s">
        <v>54</v>
      </c>
      <c r="B34" s="3" t="s">
        <v>2</v>
      </c>
      <c r="C34" s="25"/>
      <c r="D34" s="28" t="s">
        <v>55</v>
      </c>
      <c r="E34" s="29"/>
      <c r="F34" s="25"/>
      <c r="G34" s="73" t="s">
        <v>103</v>
      </c>
      <c r="H34" s="57"/>
    </row>
    <row r="35" spans="1:8">
      <c r="A35" s="49" t="s">
        <v>56</v>
      </c>
      <c r="B35" s="24"/>
      <c r="C35" s="25"/>
      <c r="D35" s="50" t="s">
        <v>57</v>
      </c>
      <c r="E35" s="51"/>
      <c r="F35" s="25"/>
      <c r="G35" s="78" t="s">
        <v>115</v>
      </c>
      <c r="H35" s="58"/>
    </row>
    <row r="36" spans="1:8">
      <c r="A36" s="52" t="s">
        <v>58</v>
      </c>
      <c r="B36" s="29"/>
      <c r="C36" s="53"/>
      <c r="D36" s="54" t="s">
        <v>30</v>
      </c>
      <c r="E36" s="55"/>
      <c r="F36" s="25"/>
      <c r="G36" s="2" t="s">
        <v>12</v>
      </c>
      <c r="H36" s="21">
        <f>SUM(H9:H35)</f>
        <v>0</v>
      </c>
    </row>
    <row r="37" spans="1:8">
      <c r="A37" s="52" t="s">
        <v>59</v>
      </c>
      <c r="B37" s="29"/>
      <c r="C37" s="25"/>
      <c r="D37" s="2" t="s">
        <v>12</v>
      </c>
      <c r="E37" s="21">
        <f>SUM(E23:E36)</f>
        <v>0</v>
      </c>
      <c r="F37" s="18"/>
    </row>
    <row r="38" spans="1:8">
      <c r="A38" s="52" t="s">
        <v>60</v>
      </c>
      <c r="B38" s="29"/>
      <c r="C38" s="27"/>
      <c r="D38" s="27"/>
      <c r="E38" s="27"/>
      <c r="F38" s="27"/>
      <c r="G38" s="18" t="s">
        <v>116</v>
      </c>
      <c r="H38" s="18"/>
    </row>
    <row r="39" spans="1:8">
      <c r="A39" s="52" t="s">
        <v>61</v>
      </c>
      <c r="B39" s="29"/>
      <c r="C39" s="27"/>
      <c r="G39" s="83" t="s">
        <v>105</v>
      </c>
      <c r="H39" s="84" t="s">
        <v>81</v>
      </c>
    </row>
    <row r="40" spans="1:8">
      <c r="A40" s="40" t="s">
        <v>31</v>
      </c>
      <c r="B40" s="43"/>
      <c r="C40" s="27"/>
      <c r="G40" s="85"/>
      <c r="H40" s="57"/>
    </row>
    <row r="41" spans="1:8">
      <c r="A41" s="2" t="s">
        <v>12</v>
      </c>
      <c r="B41" s="21">
        <f>SUM(B35:B40)</f>
        <v>0</v>
      </c>
      <c r="C41" s="27"/>
      <c r="G41" s="86"/>
      <c r="H41" s="57"/>
    </row>
    <row r="42" spans="1:8">
      <c r="A42" s="25"/>
      <c r="B42" s="25"/>
      <c r="C42" s="27"/>
      <c r="G42" s="87"/>
      <c r="H42" s="57"/>
    </row>
    <row r="43" spans="1:8">
      <c r="A43" s="109" t="s">
        <v>62</v>
      </c>
      <c r="B43" s="109"/>
      <c r="C43" s="109" t="s">
        <v>63</v>
      </c>
      <c r="D43" s="110"/>
      <c r="E43" s="110"/>
      <c r="G43" s="88" t="s">
        <v>107</v>
      </c>
      <c r="H43" s="82">
        <f>SUM(H40:H42)</f>
        <v>0</v>
      </c>
    </row>
    <row r="44" spans="1:8">
      <c r="A44" s="26" t="s">
        <v>64</v>
      </c>
      <c r="B44" s="3" t="s">
        <v>2</v>
      </c>
      <c r="C44" s="97" t="s">
        <v>64</v>
      </c>
      <c r="D44" s="98"/>
      <c r="E44" s="3" t="s">
        <v>2</v>
      </c>
    </row>
    <row r="45" spans="1:8">
      <c r="A45" s="30" t="s">
        <v>65</v>
      </c>
      <c r="B45" s="24"/>
      <c r="C45" s="99" t="s">
        <v>65</v>
      </c>
      <c r="D45" s="100"/>
      <c r="E45" s="56"/>
    </row>
    <row r="46" spans="1:8">
      <c r="A46" s="34" t="s">
        <v>66</v>
      </c>
      <c r="B46" s="29"/>
      <c r="C46" s="101" t="s">
        <v>66</v>
      </c>
      <c r="D46" s="102"/>
      <c r="E46" s="57"/>
      <c r="F46" s="71"/>
    </row>
    <row r="47" spans="1:8">
      <c r="A47" s="34" t="s">
        <v>67</v>
      </c>
      <c r="B47" s="29"/>
      <c r="C47" s="101" t="s">
        <v>67</v>
      </c>
      <c r="D47" s="102"/>
      <c r="E47" s="57"/>
      <c r="F47" s="71"/>
    </row>
    <row r="48" spans="1:8">
      <c r="A48" s="40" t="s">
        <v>68</v>
      </c>
      <c r="B48" s="43"/>
      <c r="C48" s="103" t="s">
        <v>69</v>
      </c>
      <c r="D48" s="104"/>
      <c r="E48" s="58"/>
      <c r="F48" s="71"/>
    </row>
    <row r="49" spans="1:8">
      <c r="A49" s="2" t="s">
        <v>12</v>
      </c>
      <c r="B49" s="21">
        <f>SUM(B45:B48)</f>
        <v>0</v>
      </c>
      <c r="C49" s="95" t="s">
        <v>70</v>
      </c>
      <c r="D49" s="96"/>
      <c r="E49" s="21">
        <f>SUM(E45:E48)</f>
        <v>0</v>
      </c>
      <c r="F49" s="71"/>
    </row>
    <row r="50" spans="1:8">
      <c r="D50" s="5"/>
      <c r="E50" s="70"/>
      <c r="F50" s="71"/>
    </row>
    <row r="51" spans="1:8" ht="9.9" customHeight="1">
      <c r="A51" s="80" t="s">
        <v>71</v>
      </c>
      <c r="D51" s="59"/>
      <c r="E51" s="60"/>
      <c r="F51" s="60"/>
      <c r="G51" s="60"/>
      <c r="H51" s="60"/>
    </row>
    <row r="52" spans="1:8" ht="9.9" customHeight="1">
      <c r="A52" s="61" t="s">
        <v>72</v>
      </c>
      <c r="D52" s="59"/>
      <c r="E52" s="62"/>
      <c r="F52" s="62"/>
      <c r="G52" s="62"/>
      <c r="H52" s="62"/>
    </row>
    <row r="53" spans="1:8" ht="9.9" customHeight="1">
      <c r="A53" s="61" t="s">
        <v>73</v>
      </c>
      <c r="D53" s="63"/>
      <c r="E53" s="64"/>
      <c r="F53" s="64"/>
      <c r="G53" s="64"/>
      <c r="H53" s="64"/>
    </row>
    <row r="54" spans="1:8" ht="9.9" customHeight="1">
      <c r="A54" s="61" t="s">
        <v>74</v>
      </c>
      <c r="D54" s="60"/>
      <c r="E54" s="60"/>
      <c r="F54" s="60"/>
      <c r="G54" s="60"/>
      <c r="H54" s="60"/>
    </row>
    <row r="55" spans="1:8" ht="9.9" customHeight="1">
      <c r="A55" s="61" t="s">
        <v>75</v>
      </c>
      <c r="D55" s="27"/>
      <c r="E55" s="60"/>
      <c r="F55" s="60"/>
      <c r="G55" s="60"/>
      <c r="H55" s="60"/>
    </row>
    <row r="56" spans="1:8" ht="9.9" customHeight="1">
      <c r="A56" s="80" t="s">
        <v>77</v>
      </c>
    </row>
    <row r="57" spans="1:8" ht="9.9" customHeight="1">
      <c r="A57" s="61" t="s">
        <v>78</v>
      </c>
    </row>
  </sheetData>
  <mergeCells count="11">
    <mergeCell ref="C49:D49"/>
    <mergeCell ref="E1:H1"/>
    <mergeCell ref="G4:G5"/>
    <mergeCell ref="H4:H5"/>
    <mergeCell ref="A43:B43"/>
    <mergeCell ref="C43:E43"/>
    <mergeCell ref="C44:D44"/>
    <mergeCell ref="C45:D45"/>
    <mergeCell ref="C46:D46"/>
    <mergeCell ref="C47:D47"/>
    <mergeCell ref="C48:D48"/>
  </mergeCells>
  <phoneticPr fontId="1"/>
  <dataValidations count="1">
    <dataValidation imeMode="off" allowBlank="1" showInputMessage="1" showErrorMessage="1" sqref="E11:E19 B23:B31 B35:B40 B5:B9 E5:E7 B45:B48 E23:E36 B13:B19 E45:E48 H40:H42 H9:H35" xr:uid="{00000000-0002-0000-0500-000000000000}"/>
  </dataValidations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H57"/>
  <sheetViews>
    <sheetView topLeftCell="A22" zoomScaleNormal="100" workbookViewId="0">
      <selection activeCell="J32" sqref="J32"/>
    </sheetView>
  </sheetViews>
  <sheetFormatPr defaultRowHeight="14"/>
  <cols>
    <col min="1" max="1" width="15.6640625" customWidth="1"/>
    <col min="2" max="2" width="7.9140625" customWidth="1"/>
    <col min="3" max="3" width="1.58203125" customWidth="1"/>
    <col min="4" max="4" width="11.4140625" customWidth="1"/>
    <col min="5" max="5" width="8" customWidth="1"/>
    <col min="6" max="6" width="1.58203125" customWidth="1"/>
    <col min="7" max="7" width="25.58203125" customWidth="1"/>
    <col min="8" max="8" width="8.58203125" customWidth="1"/>
  </cols>
  <sheetData>
    <row r="1" spans="1:8" ht="14.5" thickBot="1">
      <c r="A1">
        <f>'4月'!$A$1</f>
        <v>2025</v>
      </c>
      <c r="B1" s="68" t="s">
        <v>109</v>
      </c>
      <c r="C1" s="69"/>
      <c r="D1" s="69" t="s">
        <v>76</v>
      </c>
      <c r="E1" s="111">
        <f>'4月'!$E$1</f>
        <v>0</v>
      </c>
      <c r="F1" s="112"/>
      <c r="G1" s="112"/>
      <c r="H1" s="112"/>
    </row>
    <row r="2" spans="1:8" ht="9.9" customHeight="1"/>
    <row r="3" spans="1:8">
      <c r="H3" s="1" t="s">
        <v>0</v>
      </c>
    </row>
    <row r="4" spans="1:8">
      <c r="A4" s="2" t="s">
        <v>1</v>
      </c>
      <c r="B4" s="3" t="s">
        <v>2</v>
      </c>
      <c r="D4" s="4" t="s">
        <v>3</v>
      </c>
      <c r="E4" s="3" t="s">
        <v>2</v>
      </c>
      <c r="F4" s="5"/>
      <c r="G4" s="105" t="s">
        <v>4</v>
      </c>
      <c r="H4" s="107">
        <f>SUM('4月:９月'!H4)</f>
        <v>0</v>
      </c>
    </row>
    <row r="5" spans="1:8">
      <c r="A5" s="6" t="s">
        <v>5</v>
      </c>
      <c r="B5" s="7">
        <f>SUM('4月:９月'!B5)</f>
        <v>0</v>
      </c>
      <c r="D5" s="8" t="s">
        <v>6</v>
      </c>
      <c r="E5" s="7">
        <f>SUM('4月:９月'!E5)</f>
        <v>0</v>
      </c>
      <c r="F5" s="10"/>
      <c r="G5" s="106"/>
      <c r="H5" s="108">
        <f>SUM('4月:９月'!H5)</f>
        <v>0</v>
      </c>
    </row>
    <row r="6" spans="1:8">
      <c r="A6" s="11" t="s">
        <v>7</v>
      </c>
      <c r="B6" s="7">
        <f>SUM('4月:９月'!B6)</f>
        <v>0</v>
      </c>
      <c r="D6" s="13" t="s">
        <v>8</v>
      </c>
      <c r="E6" s="7">
        <f>SUM('4月:９月'!E6)</f>
        <v>0</v>
      </c>
      <c r="F6" s="10"/>
      <c r="G6" s="10"/>
      <c r="H6" s="10"/>
    </row>
    <row r="7" spans="1:8">
      <c r="A7" s="11" t="s">
        <v>9</v>
      </c>
      <c r="B7" s="7">
        <f>SUM('4月:９月'!B7)</f>
        <v>0</v>
      </c>
      <c r="D7" s="15" t="s">
        <v>10</v>
      </c>
      <c r="E7" s="7">
        <f>SUM('4月:９月'!E7)</f>
        <v>0</v>
      </c>
      <c r="F7" s="10"/>
      <c r="G7" s="10" t="s">
        <v>95</v>
      </c>
      <c r="H7" s="10"/>
    </row>
    <row r="8" spans="1:8">
      <c r="A8" s="11" t="s">
        <v>11</v>
      </c>
      <c r="B8" s="7">
        <f>SUM('4月:９月'!B8)</f>
        <v>0</v>
      </c>
      <c r="D8" s="2" t="s">
        <v>12</v>
      </c>
      <c r="E8" s="17">
        <f>SUM(E5:E7)</f>
        <v>0</v>
      </c>
      <c r="F8" s="18"/>
      <c r="G8" s="2" t="s">
        <v>80</v>
      </c>
      <c r="H8" s="3" t="s">
        <v>81</v>
      </c>
    </row>
    <row r="9" spans="1:8">
      <c r="A9" s="19" t="s">
        <v>13</v>
      </c>
      <c r="B9" s="7">
        <f>SUM('4月:９月'!B9)</f>
        <v>0</v>
      </c>
      <c r="G9" s="81" t="s">
        <v>82</v>
      </c>
      <c r="H9" s="7">
        <f>SUM('4月:９月'!H9)</f>
        <v>0</v>
      </c>
    </row>
    <row r="10" spans="1:8">
      <c r="A10" s="2" t="s">
        <v>12</v>
      </c>
      <c r="B10" s="21">
        <f>SUM(B5:B9)</f>
        <v>0</v>
      </c>
      <c r="D10" s="22" t="s">
        <v>14</v>
      </c>
      <c r="E10" s="3" t="s">
        <v>2</v>
      </c>
      <c r="F10" s="5"/>
      <c r="G10" s="72" t="s">
        <v>110</v>
      </c>
      <c r="H10" s="7">
        <f>SUM('4月:９月'!H10)</f>
        <v>0</v>
      </c>
    </row>
    <row r="11" spans="1:8">
      <c r="D11" s="23" t="s">
        <v>15</v>
      </c>
      <c r="E11" s="7">
        <f>SUM('4月:９月'!E11)</f>
        <v>0</v>
      </c>
      <c r="F11" s="25"/>
      <c r="G11" s="73" t="s">
        <v>90</v>
      </c>
      <c r="H11" s="7">
        <f>SUM('4月:９月'!H11)</f>
        <v>0</v>
      </c>
    </row>
    <row r="12" spans="1:8">
      <c r="A12" s="26" t="s">
        <v>16</v>
      </c>
      <c r="B12" s="3" t="s">
        <v>2</v>
      </c>
      <c r="C12" s="27"/>
      <c r="D12" s="28" t="s">
        <v>17</v>
      </c>
      <c r="E12" s="7">
        <f>SUM('4月:９月'!E12)</f>
        <v>0</v>
      </c>
      <c r="F12" s="25"/>
      <c r="G12" s="73" t="s">
        <v>83</v>
      </c>
      <c r="H12" s="7">
        <f>SUM('4月:９月'!H12)</f>
        <v>0</v>
      </c>
    </row>
    <row r="13" spans="1:8">
      <c r="A13" s="30" t="s">
        <v>18</v>
      </c>
      <c r="B13" s="7">
        <f>SUM('4月:９月'!B13)</f>
        <v>0</v>
      </c>
      <c r="C13" s="27"/>
      <c r="D13" s="32" t="s">
        <v>19</v>
      </c>
      <c r="E13" s="7">
        <f>SUM('4月:９月'!E13)</f>
        <v>0</v>
      </c>
      <c r="F13" s="25"/>
      <c r="G13" s="73" t="s">
        <v>114</v>
      </c>
      <c r="H13" s="7">
        <f>SUM('4月:９月'!H13)</f>
        <v>0</v>
      </c>
    </row>
    <row r="14" spans="1:8">
      <c r="A14" s="34" t="s">
        <v>20</v>
      </c>
      <c r="B14" s="7">
        <f>SUM('4月:９月'!B14)</f>
        <v>0</v>
      </c>
      <c r="C14" s="36"/>
      <c r="D14" s="37" t="s">
        <v>21</v>
      </c>
      <c r="E14" s="7">
        <f>SUM('4月:９月'!E14)</f>
        <v>0</v>
      </c>
      <c r="F14" s="39"/>
      <c r="G14" s="73" t="s">
        <v>84</v>
      </c>
      <c r="H14" s="7">
        <f>SUM('4月:９月'!H14)</f>
        <v>0</v>
      </c>
    </row>
    <row r="15" spans="1:8">
      <c r="A15" s="34" t="s">
        <v>22</v>
      </c>
      <c r="B15" s="7">
        <f>SUM('4月:９月'!B15)</f>
        <v>0</v>
      </c>
      <c r="C15" s="25"/>
      <c r="D15" s="28" t="s">
        <v>23</v>
      </c>
      <c r="E15" s="7">
        <f>SUM('4月:９月'!E15)</f>
        <v>0</v>
      </c>
      <c r="F15" s="25"/>
      <c r="G15" s="74" t="s">
        <v>85</v>
      </c>
      <c r="H15" s="7">
        <f>SUM('4月:９月'!H15)</f>
        <v>0</v>
      </c>
    </row>
    <row r="16" spans="1:8">
      <c r="A16" s="34" t="s">
        <v>24</v>
      </c>
      <c r="B16" s="7">
        <f>SUM('4月:９月'!B16)</f>
        <v>0</v>
      </c>
      <c r="C16" s="25"/>
      <c r="D16" s="28" t="s">
        <v>25</v>
      </c>
      <c r="E16" s="7">
        <f>SUM('4月:９月'!E16)</f>
        <v>0</v>
      </c>
      <c r="F16" s="25"/>
      <c r="G16" s="73" t="s">
        <v>111</v>
      </c>
      <c r="H16" s="7">
        <f>SUM('4月:９月'!H16)</f>
        <v>0</v>
      </c>
    </row>
    <row r="17" spans="1:8">
      <c r="A17" s="34" t="s">
        <v>26</v>
      </c>
      <c r="B17" s="7">
        <f>SUM('4月:９月'!B17)</f>
        <v>0</v>
      </c>
      <c r="C17" s="25"/>
      <c r="D17" s="28" t="s">
        <v>27</v>
      </c>
      <c r="E17" s="7">
        <f>SUM('4月:９月'!E17)</f>
        <v>0</v>
      </c>
      <c r="F17" s="25"/>
      <c r="G17" s="73" t="s">
        <v>86</v>
      </c>
      <c r="H17" s="7">
        <f>SUM('4月:９月'!H17)</f>
        <v>0</v>
      </c>
    </row>
    <row r="18" spans="1:8">
      <c r="A18" s="34" t="s">
        <v>28</v>
      </c>
      <c r="B18" s="7">
        <f>SUM('4月:９月'!B18)</f>
        <v>0</v>
      </c>
      <c r="C18" s="25"/>
      <c r="D18" s="28" t="s">
        <v>29</v>
      </c>
      <c r="E18" s="7">
        <f>SUM('4月:９月'!E18)</f>
        <v>0</v>
      </c>
      <c r="F18" s="25"/>
      <c r="G18" s="73" t="s">
        <v>112</v>
      </c>
      <c r="H18" s="7">
        <f>SUM('4月:９月'!H18)</f>
        <v>0</v>
      </c>
    </row>
    <row r="19" spans="1:8">
      <c r="A19" s="40" t="s">
        <v>30</v>
      </c>
      <c r="B19" s="7">
        <f>SUM('4月:９月'!B19)</f>
        <v>0</v>
      </c>
      <c r="C19" s="25"/>
      <c r="D19" s="42" t="s">
        <v>31</v>
      </c>
      <c r="E19" s="7">
        <f>SUM('4月:９月'!E19)</f>
        <v>0</v>
      </c>
      <c r="F19" s="25"/>
      <c r="G19" s="73" t="s">
        <v>87</v>
      </c>
      <c r="H19" s="7">
        <f>SUM('4月:９月'!H19)</f>
        <v>0</v>
      </c>
    </row>
    <row r="20" spans="1:8">
      <c r="A20" s="2" t="s">
        <v>12</v>
      </c>
      <c r="B20" s="21">
        <f>SUM(B13:B19)</f>
        <v>0</v>
      </c>
      <c r="C20" s="25"/>
      <c r="D20" s="2" t="s">
        <v>12</v>
      </c>
      <c r="E20" s="21">
        <f>SUM(E11:E19)</f>
        <v>0</v>
      </c>
      <c r="F20" s="18"/>
      <c r="G20" s="73" t="s">
        <v>88</v>
      </c>
      <c r="H20" s="7">
        <f>SUM('4月:９月'!H20)</f>
        <v>0</v>
      </c>
    </row>
    <row r="21" spans="1:8">
      <c r="A21" s="27"/>
      <c r="B21" s="44" t="s">
        <v>32</v>
      </c>
      <c r="C21" s="25"/>
      <c r="D21" s="45"/>
      <c r="E21" s="46"/>
      <c r="F21" s="46"/>
      <c r="G21" s="75" t="s">
        <v>89</v>
      </c>
      <c r="H21" s="7">
        <f>SUM('4月:９月'!H21)</f>
        <v>0</v>
      </c>
    </row>
    <row r="22" spans="1:8">
      <c r="A22" s="67" t="s">
        <v>33</v>
      </c>
      <c r="B22" s="3" t="s">
        <v>2</v>
      </c>
      <c r="C22" s="25"/>
      <c r="D22" s="79" t="s">
        <v>104</v>
      </c>
      <c r="E22" s="3" t="s">
        <v>2</v>
      </c>
      <c r="F22" s="5"/>
      <c r="G22" s="76" t="s">
        <v>91</v>
      </c>
      <c r="H22" s="7">
        <f>SUM('4月:９月'!H22)</f>
        <v>0</v>
      </c>
    </row>
    <row r="23" spans="1:8">
      <c r="A23" s="30" t="s">
        <v>34</v>
      </c>
      <c r="B23" s="7">
        <f>SUM('4月:９月'!B23)</f>
        <v>0</v>
      </c>
      <c r="C23" s="44"/>
      <c r="D23" s="23" t="s">
        <v>35</v>
      </c>
      <c r="E23" s="7">
        <f>SUM('4月:９月'!E23)</f>
        <v>0</v>
      </c>
      <c r="F23" s="25"/>
      <c r="G23" s="77" t="s">
        <v>92</v>
      </c>
      <c r="H23" s="7">
        <f>SUM('4月:９月'!H23)</f>
        <v>0</v>
      </c>
    </row>
    <row r="24" spans="1:8">
      <c r="A24" s="34" t="s">
        <v>36</v>
      </c>
      <c r="B24" s="7">
        <f>SUM('4月:９月'!B24)</f>
        <v>0</v>
      </c>
      <c r="C24" s="36"/>
      <c r="D24" s="28" t="s">
        <v>37</v>
      </c>
      <c r="E24" s="7">
        <f>SUM('4月:９月'!E24)</f>
        <v>0</v>
      </c>
      <c r="F24" s="25"/>
      <c r="G24" s="73" t="s">
        <v>93</v>
      </c>
      <c r="H24" s="7">
        <f>SUM('4月:９月'!H24)</f>
        <v>0</v>
      </c>
    </row>
    <row r="25" spans="1:8">
      <c r="A25" s="34" t="s">
        <v>38</v>
      </c>
      <c r="B25" s="7">
        <f>SUM('4月:９月'!B25)</f>
        <v>0</v>
      </c>
      <c r="C25" s="25"/>
      <c r="D25" s="28" t="s">
        <v>39</v>
      </c>
      <c r="E25" s="7">
        <f>SUM('4月:９月'!E25)</f>
        <v>0</v>
      </c>
      <c r="F25" s="25"/>
      <c r="G25" s="73" t="s">
        <v>94</v>
      </c>
      <c r="H25" s="7">
        <f>SUM('4月:９月'!H25)</f>
        <v>0</v>
      </c>
    </row>
    <row r="26" spans="1:8">
      <c r="A26" s="34" t="s">
        <v>40</v>
      </c>
      <c r="B26" s="7">
        <f>SUM('4月:９月'!B26)</f>
        <v>0</v>
      </c>
      <c r="C26" s="25"/>
      <c r="D26" s="28" t="s">
        <v>41</v>
      </c>
      <c r="E26" s="7">
        <f>SUM('4月:９月'!E26)</f>
        <v>0</v>
      </c>
      <c r="F26" s="25"/>
      <c r="G26" s="73" t="s">
        <v>113</v>
      </c>
      <c r="H26" s="7">
        <f>SUM('4月:９月'!H26)</f>
        <v>0</v>
      </c>
    </row>
    <row r="27" spans="1:8">
      <c r="A27" s="47" t="s">
        <v>42</v>
      </c>
      <c r="B27" s="7">
        <f>SUM('4月:９月'!B27)</f>
        <v>0</v>
      </c>
      <c r="C27" s="25"/>
      <c r="D27" s="28" t="s">
        <v>43</v>
      </c>
      <c r="E27" s="7">
        <f>SUM('4月:９月'!E27)</f>
        <v>0</v>
      </c>
      <c r="F27" s="25"/>
      <c r="G27" s="73" t="s">
        <v>96</v>
      </c>
      <c r="H27" s="7">
        <f>SUM('4月:９月'!H27)</f>
        <v>0</v>
      </c>
    </row>
    <row r="28" spans="1:8">
      <c r="A28" s="34" t="s">
        <v>44</v>
      </c>
      <c r="B28" s="7">
        <f>SUM('4月:９月'!B28)</f>
        <v>0</v>
      </c>
      <c r="C28" s="25"/>
      <c r="D28" s="28" t="s">
        <v>45</v>
      </c>
      <c r="E28" s="7">
        <f>SUM('4月:９月'!E28)</f>
        <v>0</v>
      </c>
      <c r="F28" s="25"/>
      <c r="G28" s="73" t="s">
        <v>97</v>
      </c>
      <c r="H28" s="7">
        <f>SUM('4月:９月'!H28)</f>
        <v>0</v>
      </c>
    </row>
    <row r="29" spans="1:8">
      <c r="A29" s="34" t="s">
        <v>46</v>
      </c>
      <c r="B29" s="7">
        <f>SUM('4月:９月'!B29)</f>
        <v>0</v>
      </c>
      <c r="C29" s="25"/>
      <c r="D29" s="28" t="s">
        <v>47</v>
      </c>
      <c r="E29" s="7">
        <f>SUM('4月:９月'!E29)</f>
        <v>0</v>
      </c>
      <c r="F29" s="25"/>
      <c r="G29" s="73" t="s">
        <v>98</v>
      </c>
      <c r="H29" s="7">
        <f>SUM('4月:９月'!H29)</f>
        <v>0</v>
      </c>
    </row>
    <row r="30" spans="1:8">
      <c r="A30" s="34" t="s">
        <v>48</v>
      </c>
      <c r="B30" s="7">
        <f>SUM('4月:９月'!B30)</f>
        <v>0</v>
      </c>
      <c r="C30" s="25"/>
      <c r="D30" s="28" t="s">
        <v>49</v>
      </c>
      <c r="E30" s="7">
        <f>SUM('4月:９月'!E30)</f>
        <v>0</v>
      </c>
      <c r="F30" s="25"/>
      <c r="G30" s="73" t="s">
        <v>99</v>
      </c>
      <c r="H30" s="7">
        <f>SUM('4月:９月'!H30)</f>
        <v>0</v>
      </c>
    </row>
    <row r="31" spans="1:8">
      <c r="A31" s="40" t="s">
        <v>31</v>
      </c>
      <c r="B31" s="7">
        <f>SUM('4月:９月'!B31)</f>
        <v>0</v>
      </c>
      <c r="C31" s="25"/>
      <c r="D31" s="28" t="s">
        <v>50</v>
      </c>
      <c r="E31" s="7">
        <f>SUM('4月:９月'!E31)</f>
        <v>0</v>
      </c>
      <c r="F31" s="25"/>
      <c r="G31" s="73" t="s">
        <v>100</v>
      </c>
      <c r="H31" s="7">
        <f>SUM('4月:９月'!H31)</f>
        <v>0</v>
      </c>
    </row>
    <row r="32" spans="1:8">
      <c r="A32" s="2" t="s">
        <v>12</v>
      </c>
      <c r="B32" s="21">
        <f>SUM(B23:B31)</f>
        <v>0</v>
      </c>
      <c r="C32" s="44"/>
      <c r="D32" s="28" t="s">
        <v>51</v>
      </c>
      <c r="E32" s="7">
        <f>SUM('4月:９月'!E32)</f>
        <v>0</v>
      </c>
      <c r="F32" s="25"/>
      <c r="G32" s="73" t="s">
        <v>101</v>
      </c>
      <c r="H32" s="7">
        <f>SUM('4月:９月'!H32)</f>
        <v>0</v>
      </c>
    </row>
    <row r="33" spans="1:8">
      <c r="A33" s="27"/>
      <c r="B33" s="44" t="s">
        <v>52</v>
      </c>
      <c r="C33" s="36"/>
      <c r="D33" s="28" t="s">
        <v>53</v>
      </c>
      <c r="E33" s="7">
        <f>SUM('4月:９月'!E33)</f>
        <v>0</v>
      </c>
      <c r="F33" s="25"/>
      <c r="G33" s="73" t="s">
        <v>102</v>
      </c>
      <c r="H33" s="7">
        <f>SUM('4月:９月'!H33)</f>
        <v>0</v>
      </c>
    </row>
    <row r="34" spans="1:8">
      <c r="A34" s="48" t="s">
        <v>54</v>
      </c>
      <c r="B34" s="3" t="s">
        <v>2</v>
      </c>
      <c r="C34" s="25"/>
      <c r="D34" s="28" t="s">
        <v>55</v>
      </c>
      <c r="E34" s="7">
        <f>SUM('4月:９月'!E34)</f>
        <v>0</v>
      </c>
      <c r="F34" s="25"/>
      <c r="G34" s="73" t="s">
        <v>103</v>
      </c>
      <c r="H34" s="7">
        <f>SUM('4月:９月'!H34)</f>
        <v>0</v>
      </c>
    </row>
    <row r="35" spans="1:8">
      <c r="A35" s="49" t="s">
        <v>56</v>
      </c>
      <c r="B35" s="7">
        <f>SUM('4月:９月'!B35)</f>
        <v>0</v>
      </c>
      <c r="C35" s="25"/>
      <c r="D35" s="50" t="s">
        <v>57</v>
      </c>
      <c r="E35" s="7">
        <f>SUM('4月:９月'!E35)</f>
        <v>0</v>
      </c>
      <c r="F35" s="25"/>
      <c r="G35" s="78" t="s">
        <v>115</v>
      </c>
      <c r="H35" s="7">
        <f>SUM('4月:９月'!H35)</f>
        <v>0</v>
      </c>
    </row>
    <row r="36" spans="1:8">
      <c r="A36" s="52" t="s">
        <v>58</v>
      </c>
      <c r="B36" s="7">
        <f>SUM('4月:９月'!B36)</f>
        <v>0</v>
      </c>
      <c r="C36" s="53"/>
      <c r="D36" s="54" t="s">
        <v>30</v>
      </c>
      <c r="E36" s="7">
        <f>SUM('4月:９月'!E36)</f>
        <v>0</v>
      </c>
      <c r="F36" s="25"/>
      <c r="G36" s="2" t="s">
        <v>12</v>
      </c>
      <c r="H36" s="21">
        <f>SUM(H9:H35)</f>
        <v>0</v>
      </c>
    </row>
    <row r="37" spans="1:8">
      <c r="A37" s="52" t="s">
        <v>59</v>
      </c>
      <c r="B37" s="7">
        <f>SUM('4月:９月'!B37)</f>
        <v>0</v>
      </c>
      <c r="C37" s="25"/>
      <c r="D37" s="2" t="s">
        <v>12</v>
      </c>
      <c r="E37" s="21">
        <f>SUM(E23:E36)</f>
        <v>0</v>
      </c>
      <c r="F37" s="18"/>
    </row>
    <row r="38" spans="1:8">
      <c r="A38" s="52" t="s">
        <v>60</v>
      </c>
      <c r="B38" s="7">
        <f>SUM('4月:９月'!B38)</f>
        <v>0</v>
      </c>
      <c r="C38" s="27"/>
      <c r="D38" s="27"/>
      <c r="E38" s="27"/>
      <c r="F38" s="27"/>
      <c r="G38" s="18" t="s">
        <v>116</v>
      </c>
      <c r="H38" s="18"/>
    </row>
    <row r="39" spans="1:8">
      <c r="A39" s="52" t="s">
        <v>61</v>
      </c>
      <c r="B39" s="7">
        <f>SUM('4月:９月'!B39)</f>
        <v>0</v>
      </c>
      <c r="C39" s="27"/>
      <c r="G39" s="83" t="s">
        <v>105</v>
      </c>
      <c r="H39" s="84" t="s">
        <v>81</v>
      </c>
    </row>
    <row r="40" spans="1:8">
      <c r="A40" s="40" t="s">
        <v>31</v>
      </c>
      <c r="B40" s="7">
        <f>SUM('4月:９月'!B40)</f>
        <v>0</v>
      </c>
      <c r="C40" s="27"/>
      <c r="G40" s="89"/>
      <c r="H40" s="90"/>
    </row>
    <row r="41" spans="1:8">
      <c r="A41" s="2" t="s">
        <v>12</v>
      </c>
      <c r="B41" s="21">
        <f>SUM(B35:B40)</f>
        <v>0</v>
      </c>
      <c r="C41" s="27"/>
      <c r="G41" s="91"/>
      <c r="H41" s="92"/>
    </row>
    <row r="42" spans="1:8">
      <c r="A42" s="25"/>
      <c r="B42" s="25"/>
      <c r="C42" s="27"/>
      <c r="G42" s="93"/>
      <c r="H42" s="94"/>
    </row>
    <row r="43" spans="1:8">
      <c r="A43" s="109" t="s">
        <v>62</v>
      </c>
      <c r="B43" s="109"/>
      <c r="C43" s="109" t="s">
        <v>63</v>
      </c>
      <c r="D43" s="110"/>
      <c r="E43" s="110"/>
      <c r="G43" s="88" t="s">
        <v>107</v>
      </c>
      <c r="H43" s="82">
        <f>SUM(H40:H42)</f>
        <v>0</v>
      </c>
    </row>
    <row r="44" spans="1:8">
      <c r="A44" s="26" t="s">
        <v>64</v>
      </c>
      <c r="B44" s="3" t="s">
        <v>2</v>
      </c>
      <c r="C44" s="97" t="s">
        <v>64</v>
      </c>
      <c r="D44" s="98"/>
      <c r="E44" s="3" t="s">
        <v>2</v>
      </c>
    </row>
    <row r="45" spans="1:8">
      <c r="A45" s="30" t="s">
        <v>65</v>
      </c>
      <c r="B45" s="7">
        <f>SUM('4月:９月'!B45)</f>
        <v>0</v>
      </c>
      <c r="C45" s="99" t="s">
        <v>65</v>
      </c>
      <c r="D45" s="100"/>
      <c r="E45" s="7">
        <f>SUM('4月:９月'!E45)</f>
        <v>0</v>
      </c>
    </row>
    <row r="46" spans="1:8">
      <c r="A46" s="34" t="s">
        <v>66</v>
      </c>
      <c r="B46" s="7">
        <f>SUM('4月:９月'!B46)</f>
        <v>0</v>
      </c>
      <c r="C46" s="101" t="s">
        <v>66</v>
      </c>
      <c r="D46" s="102"/>
      <c r="E46" s="7">
        <f>SUM('4月:９月'!E46)</f>
        <v>0</v>
      </c>
      <c r="F46" s="71"/>
    </row>
    <row r="47" spans="1:8">
      <c r="A47" s="34" t="s">
        <v>67</v>
      </c>
      <c r="B47" s="7">
        <f>SUM('4月:９月'!B47)</f>
        <v>0</v>
      </c>
      <c r="C47" s="101" t="s">
        <v>67</v>
      </c>
      <c r="D47" s="102"/>
      <c r="E47" s="7">
        <f>SUM('4月:９月'!E47)</f>
        <v>0</v>
      </c>
      <c r="F47" s="71"/>
    </row>
    <row r="48" spans="1:8">
      <c r="A48" s="40" t="s">
        <v>68</v>
      </c>
      <c r="B48" s="7">
        <f>SUM('4月:９月'!B48)</f>
        <v>0</v>
      </c>
      <c r="C48" s="103" t="s">
        <v>69</v>
      </c>
      <c r="D48" s="104"/>
      <c r="E48" s="7">
        <f>SUM('4月:９月'!E48)</f>
        <v>0</v>
      </c>
      <c r="F48" s="71"/>
    </row>
    <row r="49" spans="1:8">
      <c r="A49" s="2" t="s">
        <v>12</v>
      </c>
      <c r="B49" s="21">
        <f>SUM(B45:B48)</f>
        <v>0</v>
      </c>
      <c r="C49" s="95" t="s">
        <v>70</v>
      </c>
      <c r="D49" s="96"/>
      <c r="E49" s="21">
        <f>SUM(E45:E48)</f>
        <v>0</v>
      </c>
      <c r="F49" s="71"/>
    </row>
    <row r="50" spans="1:8">
      <c r="D50" s="5"/>
      <c r="E50" s="70"/>
      <c r="F50" s="71"/>
    </row>
    <row r="51" spans="1:8" ht="9.9" customHeight="1">
      <c r="A51" s="80" t="s">
        <v>71</v>
      </c>
      <c r="D51" s="59"/>
      <c r="E51" s="60"/>
      <c r="F51" s="60"/>
      <c r="G51" s="60"/>
      <c r="H51" s="60"/>
    </row>
    <row r="52" spans="1:8" ht="9.9" customHeight="1">
      <c r="A52" s="61" t="s">
        <v>72</v>
      </c>
      <c r="D52" s="59"/>
      <c r="E52" s="62"/>
      <c r="F52" s="62"/>
      <c r="G52" s="62"/>
      <c r="H52" s="62"/>
    </row>
    <row r="53" spans="1:8" ht="9.9" customHeight="1">
      <c r="A53" s="61" t="s">
        <v>73</v>
      </c>
      <c r="D53" s="63"/>
      <c r="E53" s="64"/>
      <c r="F53" s="64"/>
      <c r="G53" s="64"/>
      <c r="H53" s="64"/>
    </row>
    <row r="54" spans="1:8" ht="9.9" customHeight="1">
      <c r="A54" s="61" t="s">
        <v>74</v>
      </c>
      <c r="D54" s="60"/>
      <c r="E54" s="60"/>
      <c r="F54" s="60"/>
      <c r="G54" s="60"/>
      <c r="H54" s="60"/>
    </row>
    <row r="55" spans="1:8" ht="9.9" customHeight="1">
      <c r="A55" s="61" t="s">
        <v>75</v>
      </c>
      <c r="D55" s="27"/>
      <c r="E55" s="60"/>
      <c r="F55" s="60"/>
      <c r="G55" s="60"/>
      <c r="H55" s="60"/>
    </row>
    <row r="56" spans="1:8" ht="9.9" customHeight="1">
      <c r="A56" s="80" t="s">
        <v>77</v>
      </c>
    </row>
    <row r="57" spans="1:8" ht="9.9" customHeight="1">
      <c r="A57" s="61" t="s">
        <v>78</v>
      </c>
    </row>
  </sheetData>
  <mergeCells count="11">
    <mergeCell ref="C49:D49"/>
    <mergeCell ref="E1:H1"/>
    <mergeCell ref="G4:G5"/>
    <mergeCell ref="H4:H5"/>
    <mergeCell ref="A43:B43"/>
    <mergeCell ref="C43:E43"/>
    <mergeCell ref="C44:D44"/>
    <mergeCell ref="C45:D45"/>
    <mergeCell ref="C46:D46"/>
    <mergeCell ref="C47:D47"/>
    <mergeCell ref="C48:D48"/>
  </mergeCells>
  <phoneticPr fontId="1"/>
  <dataValidations count="1">
    <dataValidation imeMode="off" allowBlank="1" showInputMessage="1" showErrorMessage="1" sqref="E5:E7 B13:B19 B23:B31 E23:E36 E45:E48 B35:B40 E11:E19 B5:B9 B45:B48 H9:H35 H40:H42" xr:uid="{00000000-0002-0000-0600-000000000000}"/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7</vt:i4>
      </vt:variant>
    </vt:vector>
  </HeadingPairs>
  <TitlesOfParts>
    <vt:vector size="7" baseType="lpstr">
      <vt:lpstr>4月</vt:lpstr>
      <vt:lpstr>５月</vt:lpstr>
      <vt:lpstr>６月</vt:lpstr>
      <vt:lpstr>７月</vt:lpstr>
      <vt:lpstr>８月</vt:lpstr>
      <vt:lpstr>９月</vt:lpstr>
      <vt:lpstr>上半期（自動計算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5-18T05:39:03Z</cp:lastPrinted>
  <dcterms:created xsi:type="dcterms:W3CDTF">2016-04-21T00:40:32Z</dcterms:created>
  <dcterms:modified xsi:type="dcterms:W3CDTF">2026-02-08T06:08:46Z</dcterms:modified>
</cp:coreProperties>
</file>